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107\10_データ連携推進G\42_オープンデータ運用\02_オープンデータサイト\05_市町村共同公開データ更新（年度末）\2023年度\03公開\03HP掲載\"/>
    </mc:Choice>
  </mc:AlternateContent>
  <bookViews>
    <workbookView xWindow="0" yWindow="0" windowWidth="2172" windowHeight="0"/>
  </bookViews>
  <sheets>
    <sheet name="図書館データ一覧" sheetId="3" r:id="rId1"/>
  </sheets>
  <definedNames>
    <definedName name="_xlnm._FilterDatabase" localSheetId="0" hidden="1">図書館データ一覧!$A$1:$AN$110</definedName>
    <definedName name="_xlnm.Print_Area" localSheetId="0">図書館データ一覧!$D$1:$AM$110</definedName>
    <definedName name="_xlnm.Print_Titles" localSheetId="0">図書館データ一覧!$1:$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L57" i="3" l="1"/>
</calcChain>
</file>

<file path=xl/sharedStrings.xml><?xml version="1.0" encoding="utf-8"?>
<sst xmlns="http://schemas.openxmlformats.org/spreadsheetml/2006/main" count="1910" uniqueCount="1110">
  <si>
    <t>絵本の蔵書数</t>
    <rPh sb="0" eb="2">
      <t>エホン</t>
    </rPh>
    <rPh sb="3" eb="5">
      <t>ゾウショ</t>
    </rPh>
    <rPh sb="5" eb="6">
      <t>スウ</t>
    </rPh>
    <phoneticPr fontId="2"/>
  </si>
  <si>
    <t>名称</t>
    <rPh sb="0" eb="2">
      <t>メイショウ</t>
    </rPh>
    <phoneticPr fontId="4"/>
  </si>
  <si>
    <t>名称_カナ</t>
    <rPh sb="0" eb="2">
      <t>メイショウ</t>
    </rPh>
    <phoneticPr fontId="4"/>
  </si>
  <si>
    <t>種別</t>
    <rPh sb="0" eb="2">
      <t>シュベツ</t>
    </rPh>
    <phoneticPr fontId="2"/>
  </si>
  <si>
    <t>住所</t>
    <rPh sb="0" eb="2">
      <t>ジュウショ</t>
    </rPh>
    <phoneticPr fontId="4"/>
  </si>
  <si>
    <t>緯度</t>
    <rPh sb="0" eb="2">
      <t>イド</t>
    </rPh>
    <phoneticPr fontId="2"/>
  </si>
  <si>
    <t>経度</t>
    <rPh sb="0" eb="2">
      <t>ケイド</t>
    </rPh>
    <phoneticPr fontId="2"/>
  </si>
  <si>
    <t>電話番号</t>
    <rPh sb="0" eb="2">
      <t>デンワ</t>
    </rPh>
    <rPh sb="2" eb="4">
      <t>バンゴウ</t>
    </rPh>
    <phoneticPr fontId="4"/>
  </si>
  <si>
    <t>法人番号</t>
    <rPh sb="0" eb="2">
      <t>ホウジン</t>
    </rPh>
    <rPh sb="2" eb="4">
      <t>バンゴウ</t>
    </rPh>
    <phoneticPr fontId="2"/>
  </si>
  <si>
    <t>利用可能日時特記事項</t>
    <rPh sb="0" eb="2">
      <t>リヨウ</t>
    </rPh>
    <rPh sb="2" eb="4">
      <t>カノウ</t>
    </rPh>
    <rPh sb="4" eb="6">
      <t>ニチジ</t>
    </rPh>
    <rPh sb="6" eb="8">
      <t>トッキ</t>
    </rPh>
    <rPh sb="8" eb="10">
      <t>ジコウ</t>
    </rPh>
    <phoneticPr fontId="2"/>
  </si>
  <si>
    <t>URL</t>
    <phoneticPr fontId="2"/>
  </si>
  <si>
    <t>備考</t>
    <rPh sb="0" eb="2">
      <t>ビコウ</t>
    </rPh>
    <phoneticPr fontId="2"/>
  </si>
  <si>
    <t>神奈川県立図書館</t>
  </si>
  <si>
    <t>横浜市中央図書館</t>
  </si>
  <si>
    <t>横浜市鶴見図書館</t>
  </si>
  <si>
    <t>横浜市神奈川図書館</t>
  </si>
  <si>
    <t>横浜市中図書館</t>
  </si>
  <si>
    <t>横浜市南図書館</t>
  </si>
  <si>
    <t>横浜市港南図書館</t>
  </si>
  <si>
    <t>横浜市保土ケ谷図書館</t>
  </si>
  <si>
    <t>横浜市旭図書館</t>
  </si>
  <si>
    <t>横浜市磯子図書館</t>
  </si>
  <si>
    <t>横浜市金沢図書館</t>
  </si>
  <si>
    <t>横浜市港北図書館</t>
  </si>
  <si>
    <t>横浜市緑図書館</t>
  </si>
  <si>
    <t>横浜市山内図書館</t>
  </si>
  <si>
    <t>横浜市都筑図書館</t>
  </si>
  <si>
    <t>横浜市戸塚図書館</t>
  </si>
  <si>
    <t>横浜市栄図書館</t>
  </si>
  <si>
    <t>横浜市泉図書館</t>
  </si>
  <si>
    <t>横浜市瀬谷図書館</t>
  </si>
  <si>
    <t>川崎市立川崎図書館</t>
  </si>
  <si>
    <t>川崎市立幸図書館</t>
  </si>
  <si>
    <t>川崎市立中原図書館</t>
  </si>
  <si>
    <t>川崎市立宮前図書館</t>
  </si>
  <si>
    <t>川崎市立多摩図書館</t>
  </si>
  <si>
    <t>川崎市立麻生図書館</t>
  </si>
  <si>
    <t>相模原市立橋本図書館</t>
  </si>
  <si>
    <t>横須賀市立中央図書館</t>
  </si>
  <si>
    <t>横須賀市立児童図書館</t>
  </si>
  <si>
    <t>横須賀市立北図書館</t>
  </si>
  <si>
    <t>横須賀市立南図書館</t>
  </si>
  <si>
    <t>平塚市中央図書館</t>
  </si>
  <si>
    <t>平塚市北図書館</t>
  </si>
  <si>
    <t>平塚市西図書館</t>
  </si>
  <si>
    <t>平塚市南図書館</t>
  </si>
  <si>
    <t>鎌倉市中央図書館</t>
  </si>
  <si>
    <t>鎌倉市腰越図書館</t>
  </si>
  <si>
    <t>鎌倉市深沢図書館</t>
  </si>
  <si>
    <t>鎌倉市大船図書館</t>
  </si>
  <si>
    <t>鎌倉市玉縄図書館</t>
  </si>
  <si>
    <t>藤沢市総合市民図書館</t>
  </si>
  <si>
    <t>藤沢市南市民図書館</t>
  </si>
  <si>
    <t>藤沢市辻堂市民図書館</t>
  </si>
  <si>
    <t>茅ヶ崎市立図書館</t>
  </si>
  <si>
    <t>逗子市立図書館</t>
  </si>
  <si>
    <t>三浦市図書館</t>
  </si>
  <si>
    <t>秦野市立図書館</t>
  </si>
  <si>
    <t>伊勢原市立図書館</t>
  </si>
  <si>
    <t>海老名市立中央図書館</t>
  </si>
  <si>
    <t>海老名市立有馬図書館</t>
  </si>
  <si>
    <t>座間市立図書館</t>
  </si>
  <si>
    <t>南足柄市立図書館</t>
  </si>
  <si>
    <t>綾瀬市立図書館</t>
  </si>
  <si>
    <t>葉山町立図書館</t>
  </si>
  <si>
    <t>寒川総合図書館</t>
  </si>
  <si>
    <t>大磯町立図書館</t>
  </si>
  <si>
    <t>二宮町図書館</t>
  </si>
  <si>
    <t>大井町図書館</t>
  </si>
  <si>
    <t>松田町図書館</t>
  </si>
  <si>
    <t>まなづる図書館</t>
  </si>
  <si>
    <t>湯河原町立図書館</t>
  </si>
  <si>
    <t>愛川町図書館</t>
  </si>
  <si>
    <t>清川村図書館</t>
  </si>
  <si>
    <t>図書館</t>
    <rPh sb="0" eb="3">
      <t>トショカン</t>
    </rPh>
    <phoneticPr fontId="2"/>
  </si>
  <si>
    <t>設置者</t>
    <rPh sb="0" eb="3">
      <t>セッチシャ</t>
    </rPh>
    <phoneticPr fontId="4"/>
  </si>
  <si>
    <t>神奈川県</t>
    <rPh sb="0" eb="4">
      <t>カナガワケン</t>
    </rPh>
    <phoneticPr fontId="2"/>
  </si>
  <si>
    <t>横浜市</t>
    <rPh sb="0" eb="3">
      <t>ヨコハマシ</t>
    </rPh>
    <phoneticPr fontId="2"/>
  </si>
  <si>
    <t>川崎市</t>
    <rPh sb="0" eb="3">
      <t>カワサキシ</t>
    </rPh>
    <phoneticPr fontId="2"/>
  </si>
  <si>
    <t>相模原市</t>
    <rPh sb="0" eb="4">
      <t>サガミハラシ</t>
    </rPh>
    <phoneticPr fontId="2"/>
  </si>
  <si>
    <t>横須賀市</t>
    <rPh sb="0" eb="4">
      <t>ヨコスカシ</t>
    </rPh>
    <phoneticPr fontId="2"/>
  </si>
  <si>
    <t>平塚市</t>
    <rPh sb="0" eb="3">
      <t>ヒラツカシ</t>
    </rPh>
    <phoneticPr fontId="2"/>
  </si>
  <si>
    <t>藤沢市</t>
    <rPh sb="0" eb="3">
      <t>フジサワシ</t>
    </rPh>
    <phoneticPr fontId="2"/>
  </si>
  <si>
    <t>小田原市</t>
    <rPh sb="0" eb="4">
      <t>オダワラシ</t>
    </rPh>
    <phoneticPr fontId="2"/>
  </si>
  <si>
    <t>茅ヶ崎市</t>
    <rPh sb="0" eb="4">
      <t>チガサキシ</t>
    </rPh>
    <phoneticPr fontId="2"/>
  </si>
  <si>
    <t>逗子市</t>
    <rPh sb="0" eb="3">
      <t>ズシシ</t>
    </rPh>
    <phoneticPr fontId="2"/>
  </si>
  <si>
    <t>三浦市</t>
    <rPh sb="0" eb="2">
      <t>ミウラ</t>
    </rPh>
    <rPh sb="2" eb="3">
      <t>シ</t>
    </rPh>
    <phoneticPr fontId="2"/>
  </si>
  <si>
    <t>秦野市</t>
    <rPh sb="0" eb="3">
      <t>ハダノシ</t>
    </rPh>
    <phoneticPr fontId="2"/>
  </si>
  <si>
    <t>厚木市</t>
    <rPh sb="0" eb="3">
      <t>アツギシ</t>
    </rPh>
    <phoneticPr fontId="2"/>
  </si>
  <si>
    <t>大和市</t>
    <rPh sb="0" eb="3">
      <t>ヤマトシ</t>
    </rPh>
    <phoneticPr fontId="2"/>
  </si>
  <si>
    <t>海老名市</t>
    <rPh sb="0" eb="4">
      <t>エビナシ</t>
    </rPh>
    <phoneticPr fontId="2"/>
  </si>
  <si>
    <t>座間市</t>
    <rPh sb="0" eb="3">
      <t>ザマシ</t>
    </rPh>
    <phoneticPr fontId="2"/>
  </si>
  <si>
    <t>南足柄市</t>
    <rPh sb="0" eb="4">
      <t>ミナミアシガラシ</t>
    </rPh>
    <phoneticPr fontId="2"/>
  </si>
  <si>
    <t>綾瀬市</t>
    <rPh sb="0" eb="3">
      <t>アヤセシ</t>
    </rPh>
    <phoneticPr fontId="2"/>
  </si>
  <si>
    <t>葉山町</t>
    <rPh sb="0" eb="3">
      <t>ハヤママチ</t>
    </rPh>
    <phoneticPr fontId="2"/>
  </si>
  <si>
    <t>寒川町</t>
    <rPh sb="0" eb="3">
      <t>サムカワマチ</t>
    </rPh>
    <phoneticPr fontId="2"/>
  </si>
  <si>
    <t>大磯町</t>
    <rPh sb="0" eb="3">
      <t>オオイソマチ</t>
    </rPh>
    <phoneticPr fontId="2"/>
  </si>
  <si>
    <t>二宮町</t>
    <rPh sb="0" eb="3">
      <t>ニノミヤマチ</t>
    </rPh>
    <phoneticPr fontId="2"/>
  </si>
  <si>
    <t>中井町</t>
    <rPh sb="0" eb="3">
      <t>ナカイマチ</t>
    </rPh>
    <phoneticPr fontId="2"/>
  </si>
  <si>
    <t>大井町</t>
    <rPh sb="0" eb="3">
      <t>オオイマチ</t>
    </rPh>
    <phoneticPr fontId="2"/>
  </si>
  <si>
    <t>松田町</t>
    <rPh sb="0" eb="3">
      <t>マツダマチ</t>
    </rPh>
    <phoneticPr fontId="2"/>
  </si>
  <si>
    <t>山北町</t>
    <rPh sb="0" eb="3">
      <t>ヤマキタマチ</t>
    </rPh>
    <phoneticPr fontId="2"/>
  </si>
  <si>
    <t>開成町</t>
    <rPh sb="0" eb="3">
      <t>カイセイマチ</t>
    </rPh>
    <phoneticPr fontId="2"/>
  </si>
  <si>
    <t>箱根町</t>
    <rPh sb="0" eb="3">
      <t>ハコネマチ</t>
    </rPh>
    <phoneticPr fontId="2"/>
  </si>
  <si>
    <t>真鶴町</t>
    <rPh sb="0" eb="2">
      <t>マナヅル</t>
    </rPh>
    <rPh sb="2" eb="3">
      <t>マチ</t>
    </rPh>
    <phoneticPr fontId="2"/>
  </si>
  <si>
    <t>湯河原町</t>
    <rPh sb="0" eb="4">
      <t>ユガワラマチ</t>
    </rPh>
    <phoneticPr fontId="2"/>
  </si>
  <si>
    <t>愛川町</t>
    <rPh sb="0" eb="3">
      <t>アイカワマチ</t>
    </rPh>
    <phoneticPr fontId="2"/>
  </si>
  <si>
    <t>清川村</t>
    <rPh sb="0" eb="3">
      <t>キヨカワムラ</t>
    </rPh>
    <phoneticPr fontId="2"/>
  </si>
  <si>
    <t>郵便番号</t>
    <rPh sb="0" eb="4">
      <t>ユウビンバンゴウ</t>
    </rPh>
    <phoneticPr fontId="4"/>
  </si>
  <si>
    <t>神奈川県横浜市西区紅葉ケ丘9-2</t>
  </si>
  <si>
    <t>神奈川県横浜市西区老松町1</t>
  </si>
  <si>
    <t>神奈川県横浜市神奈川区立町20-1</t>
  </si>
  <si>
    <t>神奈川県横浜市中区本牧原16-1</t>
  </si>
  <si>
    <t>神奈川県横浜市南区弘明寺町265-1</t>
  </si>
  <si>
    <t>神奈川県横浜市港南区野庭町125</t>
  </si>
  <si>
    <t>神奈川県横浜市保土ケ谷区星川1-2-1</t>
  </si>
  <si>
    <t>神奈川県横浜市旭区白根4-6-2</t>
  </si>
  <si>
    <t>神奈川県横浜市磯子区磯子3-5-1</t>
  </si>
  <si>
    <t>神奈川県横浜市金沢区泥亀2-14-5</t>
  </si>
  <si>
    <t>神奈川県横浜市港北区菊名6-18-10</t>
  </si>
  <si>
    <t>神奈川県横浜市緑区十日市場町825-1</t>
  </si>
  <si>
    <t>神奈川県横浜市青葉区あざみ野2-3-2</t>
  </si>
  <si>
    <t>神奈川県横浜市都筑区茅ケ崎中央32-1</t>
  </si>
  <si>
    <t>神奈川県横浜市戸塚区戸塚町127</t>
  </si>
  <si>
    <t>神奈川県横浜市栄区公田町634-9</t>
  </si>
  <si>
    <t>神奈川県横浜市瀬谷区本郷3-22-1</t>
  </si>
  <si>
    <t>神奈川県川崎市川崎区追分町16-1</t>
  </si>
  <si>
    <t>神奈川県川崎市幸区戸手本町1-11-2</t>
  </si>
  <si>
    <t>神奈川県川崎市幸区南加瀬1-7-17</t>
  </si>
  <si>
    <t>神奈川県川崎市中原区小杉町3-1301</t>
  </si>
  <si>
    <t>神奈川県川崎市高津区溝口4-16-3</t>
  </si>
  <si>
    <t>神奈川県川崎市高津区久末2012-1</t>
  </si>
  <si>
    <t>神奈川県川崎市宮前区宮前平2-20-4</t>
  </si>
  <si>
    <t>神奈川県川崎市多摩区登戸1775-1</t>
  </si>
  <si>
    <t>神奈川県川崎市麻生区万福寺1-5-2</t>
  </si>
  <si>
    <t>神奈川県川崎市麻生区片平3-3-1</t>
  </si>
  <si>
    <t>神奈川県相模原市中央区鹿沼台2-13-1</t>
  </si>
  <si>
    <t>神奈川県相模原市南区新磯野4-8-7</t>
  </si>
  <si>
    <t>神奈川県横須賀市上町1-61</t>
  </si>
  <si>
    <t>神奈川県横須賀市若松町3-20</t>
  </si>
  <si>
    <t>神奈川県横須賀市夏島町12</t>
  </si>
  <si>
    <t>神奈川県横須賀市久里浜6-14-3</t>
  </si>
  <si>
    <t>神奈川県平塚市浅間町12-41</t>
  </si>
  <si>
    <t>神奈川県平塚市田村3-12-5</t>
  </si>
  <si>
    <t>神奈川県平塚市袖ヶ浜20-1</t>
  </si>
  <si>
    <t>神奈川県鎌倉市御成町20-35</t>
  </si>
  <si>
    <t>神奈川県鎌倉市腰越864</t>
  </si>
  <si>
    <t>神奈川県鎌倉市常盤111-3</t>
  </si>
  <si>
    <t>神奈川県鎌倉市大船2-1-26</t>
  </si>
  <si>
    <t>神奈川県鎌倉市岡本2-16-3</t>
  </si>
  <si>
    <t>神奈川県藤沢市湘南台7-18-2</t>
  </si>
  <si>
    <t>神奈川県藤沢市辻堂2-15-8</t>
  </si>
  <si>
    <t>神奈川県藤沢市大庭5406-4</t>
  </si>
  <si>
    <t>神奈川県小田原市南鴨宮1-5-30</t>
  </si>
  <si>
    <t>神奈川県茅ヶ崎市東海岸北1-4-55</t>
  </si>
  <si>
    <t>神奈川県茅ヶ崎市香川1-11-1</t>
  </si>
  <si>
    <t>神奈川県逗子市逗子4-2-10</t>
  </si>
  <si>
    <t>神奈川県逗子市小坪5-21-17</t>
  </si>
  <si>
    <t>神奈川県逗子市沼間3-16-32</t>
  </si>
  <si>
    <t>神奈川県三浦市城山町1-1</t>
  </si>
  <si>
    <t>神奈川県三浦市初声町入江200</t>
  </si>
  <si>
    <t>神奈川県秦野市平沢94-1</t>
  </si>
  <si>
    <t>神奈川県伊勢原市田中76</t>
  </si>
  <si>
    <t>神奈川県海老名市門沢橋1-20-41</t>
  </si>
  <si>
    <t>神奈川県南足柄市塚原1619-1</t>
  </si>
  <si>
    <t>神奈川県三浦郡葉山町堀内1874</t>
  </si>
  <si>
    <t>神奈川県高座郡寒川町宮山135-1</t>
  </si>
  <si>
    <t>神奈川県中郡大磯町大磯992</t>
  </si>
  <si>
    <t>神奈川県中郡大磯町月京6-10</t>
  </si>
  <si>
    <t>神奈川県中郡二宮町二宮1240-10</t>
  </si>
  <si>
    <t>神奈川県足柄上郡大井町金子1995</t>
  </si>
  <si>
    <t>神奈川県足柄上郡大井町山田502</t>
  </si>
  <si>
    <t>神奈川県足柄上郡松田町惣領2078</t>
  </si>
  <si>
    <t>神奈川県足柄上郡山北町山北1301-4</t>
  </si>
  <si>
    <t>神奈川県足柄上郡開成町延沢773</t>
  </si>
  <si>
    <t>神奈川県足柄下郡箱根町小涌谷520</t>
  </si>
  <si>
    <t>神奈川県足柄下郡真鶴町真鶴433-1</t>
  </si>
  <si>
    <t>神奈川県足柄下郡湯河原町土肥1-4-13</t>
  </si>
  <si>
    <t>神奈川県愛甲郡愛川町角田250-1</t>
  </si>
  <si>
    <t>神奈川県愛甲郡清川村煤ヶ谷2216</t>
  </si>
  <si>
    <t>http://www.lib-arc.samukawa.kanagawa.jp/mobile/index.jsp</t>
  </si>
  <si>
    <t>http://www.oitown-lib.jp</t>
  </si>
  <si>
    <t>http://www2.manazuruinfo.jp</t>
  </si>
  <si>
    <t>http://www.library-aikawa-unet.ocn.ne.jp</t>
  </si>
  <si>
    <t>駐車場料金</t>
    <rPh sb="0" eb="3">
      <t>チュウシャジョウ</t>
    </rPh>
    <rPh sb="3" eb="5">
      <t>リョウキン</t>
    </rPh>
    <phoneticPr fontId="2"/>
  </si>
  <si>
    <t>開始時間</t>
    <rPh sb="0" eb="2">
      <t>カイシ</t>
    </rPh>
    <rPh sb="2" eb="4">
      <t>ジカン</t>
    </rPh>
    <phoneticPr fontId="4"/>
  </si>
  <si>
    <t>終了時間</t>
    <rPh sb="0" eb="2">
      <t>シュウリョウ</t>
    </rPh>
    <rPh sb="2" eb="4">
      <t>ジカン</t>
    </rPh>
    <phoneticPr fontId="4"/>
  </si>
  <si>
    <t>交通アクセス・駐車場</t>
    <rPh sb="0" eb="2">
      <t>コウツウ</t>
    </rPh>
    <rPh sb="7" eb="10">
      <t>チュウシャジョウ</t>
    </rPh>
    <phoneticPr fontId="2"/>
  </si>
  <si>
    <t>自治体住民以外の利用登録対象</t>
    <rPh sb="0" eb="3">
      <t>ジチタイ</t>
    </rPh>
    <rPh sb="3" eb="5">
      <t>ジュウミン</t>
    </rPh>
    <rPh sb="5" eb="7">
      <t>イガイ</t>
    </rPh>
    <rPh sb="8" eb="10">
      <t>リヨウ</t>
    </rPh>
    <rPh sb="10" eb="12">
      <t>トウロク</t>
    </rPh>
    <rPh sb="12" eb="14">
      <t>タイショウ</t>
    </rPh>
    <phoneticPr fontId="2"/>
  </si>
  <si>
    <t>利用登録開始年齢・時期</t>
    <rPh sb="0" eb="2">
      <t>リヨウ</t>
    </rPh>
    <rPh sb="2" eb="4">
      <t>トウロク</t>
    </rPh>
    <rPh sb="4" eb="6">
      <t>カイシ</t>
    </rPh>
    <rPh sb="6" eb="8">
      <t>ネンレイ</t>
    </rPh>
    <rPh sb="9" eb="11">
      <t>ジキ</t>
    </rPh>
    <phoneticPr fontId="2"/>
  </si>
  <si>
    <t>220-8585</t>
  </si>
  <si>
    <t>220-0032</t>
  </si>
  <si>
    <t>230-0051</t>
  </si>
  <si>
    <t>221-0063</t>
  </si>
  <si>
    <t>231-0821</t>
  </si>
  <si>
    <t>232-0067</t>
  </si>
  <si>
    <t>234-0056</t>
  </si>
  <si>
    <t>240-0006</t>
  </si>
  <si>
    <t>241-0005</t>
  </si>
  <si>
    <t>235-0016</t>
  </si>
  <si>
    <t>236-0021</t>
  </si>
  <si>
    <t>222-0011</t>
  </si>
  <si>
    <t>226-0025</t>
  </si>
  <si>
    <t>225-0011</t>
  </si>
  <si>
    <t>224-0032</t>
  </si>
  <si>
    <t>244-0003</t>
  </si>
  <si>
    <t>247-0014</t>
  </si>
  <si>
    <t>245-0016</t>
  </si>
  <si>
    <t>246-0015</t>
  </si>
  <si>
    <t>210-0007</t>
  </si>
  <si>
    <t>210-0802</t>
  </si>
  <si>
    <t>210-0835</t>
  </si>
  <si>
    <t>212-0023</t>
  </si>
  <si>
    <t>212-0055</t>
  </si>
  <si>
    <t>211-0063</t>
  </si>
  <si>
    <t>213-0001</t>
  </si>
  <si>
    <t>213-0026</t>
  </si>
  <si>
    <t>216-0006</t>
  </si>
  <si>
    <t>214-0014</t>
  </si>
  <si>
    <t>215-0004</t>
  </si>
  <si>
    <t>215-0023</t>
  </si>
  <si>
    <t>252-0233</t>
  </si>
  <si>
    <t>252-0325</t>
  </si>
  <si>
    <t>252-0303</t>
  </si>
  <si>
    <t>252-0143</t>
  </si>
  <si>
    <t>238-0017</t>
  </si>
  <si>
    <t>238-0007</t>
  </si>
  <si>
    <t>237-0061</t>
  </si>
  <si>
    <t>239-0831</t>
  </si>
  <si>
    <t>254-0041</t>
  </si>
  <si>
    <t>254-0013</t>
  </si>
  <si>
    <t>254-0911</t>
  </si>
  <si>
    <t>254-0813</t>
  </si>
  <si>
    <t>248-0012</t>
  </si>
  <si>
    <t>248-0033</t>
  </si>
  <si>
    <t>248-0022</t>
  </si>
  <si>
    <t>247-0056</t>
  </si>
  <si>
    <t>247-0072</t>
  </si>
  <si>
    <t>252-0804</t>
  </si>
  <si>
    <t>251-0047</t>
  </si>
  <si>
    <t>251-0861</t>
  </si>
  <si>
    <t>250-0875</t>
  </si>
  <si>
    <t>253-0053</t>
  </si>
  <si>
    <t>253-0082</t>
  </si>
  <si>
    <t>249-0006</t>
  </si>
  <si>
    <t>249-0008</t>
  </si>
  <si>
    <t>249-0004</t>
  </si>
  <si>
    <t>238-0298</t>
  </si>
  <si>
    <t>238-0113</t>
  </si>
  <si>
    <t>257-0015</t>
  </si>
  <si>
    <t>243-0018</t>
  </si>
  <si>
    <t>259-1142</t>
  </si>
  <si>
    <t>243-0434</t>
  </si>
  <si>
    <t>250-0117</t>
  </si>
  <si>
    <t>240-0112</t>
  </si>
  <si>
    <t>253-0106</t>
  </si>
  <si>
    <t>255-0003</t>
  </si>
  <si>
    <t>259-0114</t>
  </si>
  <si>
    <t>259-0123</t>
  </si>
  <si>
    <t>258-8501</t>
  </si>
  <si>
    <t>258-0015</t>
  </si>
  <si>
    <t>258-0003</t>
  </si>
  <si>
    <t>258-0113</t>
  </si>
  <si>
    <t>250-0406</t>
  </si>
  <si>
    <t>259-0201</t>
  </si>
  <si>
    <t>259-0303</t>
  </si>
  <si>
    <t>243-0195</t>
  </si>
  <si>
    <t>依知北公民館図書室</t>
    <rPh sb="0" eb="2">
      <t>エチ</t>
    </rPh>
    <rPh sb="2" eb="3">
      <t>キタ</t>
    </rPh>
    <rPh sb="3" eb="6">
      <t>コウミンカン</t>
    </rPh>
    <rPh sb="6" eb="9">
      <t>トショシツ</t>
    </rPh>
    <phoneticPr fontId="2"/>
  </si>
  <si>
    <t>睦合北公民館図書室</t>
  </si>
  <si>
    <t>小鮎公民館図書室</t>
  </si>
  <si>
    <t>荻野公民館図書室</t>
  </si>
  <si>
    <t>森の里公民館図書室</t>
  </si>
  <si>
    <t>玉川公民館図書室</t>
  </si>
  <si>
    <t>相川公民館図書室</t>
  </si>
  <si>
    <t>睦合西公民館図書室</t>
  </si>
  <si>
    <t>南毛利公民館図書室</t>
  </si>
  <si>
    <t>神奈川県厚木市中町１丁目1-3</t>
    <rPh sb="10" eb="12">
      <t>チョウメ</t>
    </rPh>
    <phoneticPr fontId="2"/>
  </si>
  <si>
    <t>243-0213</t>
    <phoneticPr fontId="2"/>
  </si>
  <si>
    <t>神奈川県厚木市森の里１丁目31－1</t>
    <phoneticPr fontId="2"/>
  </si>
  <si>
    <t>046-242-8416</t>
    <phoneticPr fontId="2"/>
  </si>
  <si>
    <t>無料</t>
    <rPh sb="0" eb="2">
      <t>ムリョウ</t>
    </rPh>
    <phoneticPr fontId="2"/>
  </si>
  <si>
    <t>有料</t>
    <rPh sb="0" eb="2">
      <t>ユウリョウ</t>
    </rPh>
    <phoneticPr fontId="2"/>
  </si>
  <si>
    <t>ヨコハマシヤマウチトショカン</t>
    <phoneticPr fontId="2"/>
  </si>
  <si>
    <t>045-262-0050</t>
  </si>
  <si>
    <t>045-502-4416</t>
  </si>
  <si>
    <t>045-434-4339</t>
  </si>
  <si>
    <t>045-621-6621</t>
  </si>
  <si>
    <t>045-715-7200</t>
  </si>
  <si>
    <t>045-841-5577</t>
  </si>
  <si>
    <t>045-333-1336</t>
  </si>
  <si>
    <t>045-953-1166</t>
  </si>
  <si>
    <t>045-753-2864</t>
  </si>
  <si>
    <t>045-784-5861</t>
  </si>
  <si>
    <t>045-421-1211</t>
  </si>
  <si>
    <t>045-985-6331</t>
  </si>
  <si>
    <t>045-901-1225</t>
  </si>
  <si>
    <t>045-948-2424</t>
  </si>
  <si>
    <t>045-862-9411</t>
  </si>
  <si>
    <t>045-891-2801</t>
  </si>
  <si>
    <t>045-801-2251</t>
  </si>
  <si>
    <t>045-301-7911</t>
  </si>
  <si>
    <t>１時間ごとに１００円（最初の２０分は無料）</t>
    <rPh sb="1" eb="3">
      <t>ジカン</t>
    </rPh>
    <rPh sb="9" eb="10">
      <t>エン</t>
    </rPh>
    <rPh sb="11" eb="13">
      <t>サイショ</t>
    </rPh>
    <rPh sb="16" eb="17">
      <t>フン</t>
    </rPh>
    <rPh sb="18" eb="20">
      <t>ムリョウ</t>
    </rPh>
    <phoneticPr fontId="2"/>
  </si>
  <si>
    <t>３０分ごとに２００円</t>
  </si>
  <si>
    <t>045-263-5900</t>
    <phoneticPr fontId="2"/>
  </si>
  <si>
    <t>神奈川県に在勤・在学</t>
    <rPh sb="0" eb="4">
      <t>カナガワケン</t>
    </rPh>
    <rPh sb="5" eb="7">
      <t>ザイキン</t>
    </rPh>
    <rPh sb="8" eb="10">
      <t>ザイガク</t>
    </rPh>
    <phoneticPr fontId="2"/>
  </si>
  <si>
    <t>施設利用者は最初の1時間無料、超過した分は有料</t>
    <rPh sb="6" eb="8">
      <t>サイショ</t>
    </rPh>
    <phoneticPr fontId="2"/>
  </si>
  <si>
    <t>稲城市・狛江市・町田市・横浜市のいずれかに在住の方（町田市民・横浜市民の方は予約サービスはご利用いただけません）。</t>
    <rPh sb="0" eb="2">
      <t>イナギ</t>
    </rPh>
    <rPh sb="2" eb="3">
      <t>シ</t>
    </rPh>
    <rPh sb="4" eb="6">
      <t>コマエ</t>
    </rPh>
    <rPh sb="6" eb="7">
      <t>シ</t>
    </rPh>
    <rPh sb="8" eb="10">
      <t>マチダ</t>
    </rPh>
    <rPh sb="10" eb="11">
      <t>シ</t>
    </rPh>
    <rPh sb="12" eb="14">
      <t>ヨコハマ</t>
    </rPh>
    <rPh sb="14" eb="15">
      <t>シ</t>
    </rPh>
    <rPh sb="21" eb="23">
      <t>ザイジュウ</t>
    </rPh>
    <rPh sb="24" eb="25">
      <t>カタ</t>
    </rPh>
    <rPh sb="26" eb="30">
      <t>マチダシミン</t>
    </rPh>
    <rPh sb="31" eb="35">
      <t>ヨコハマシミン</t>
    </rPh>
    <rPh sb="36" eb="37">
      <t>カタ</t>
    </rPh>
    <rPh sb="38" eb="40">
      <t>ヨヤク</t>
    </rPh>
    <rPh sb="46" eb="48">
      <t>リヨウ</t>
    </rPh>
    <rPh sb="47" eb="48">
      <t>ヨウ</t>
    </rPh>
    <phoneticPr fontId="2"/>
  </si>
  <si>
    <t>稲城市・狛江市・町田市・横浜市のいずれかに在住の方（町田市民・横浜市民の方は予約サービスはご利用いただけません）。</t>
  </si>
  <si>
    <t>0歳～</t>
    <rPh sb="1" eb="2">
      <t>サイ</t>
    </rPh>
    <phoneticPr fontId="2"/>
  </si>
  <si>
    <t>田浦コミュニティセンター図書室</t>
    <rPh sb="0" eb="2">
      <t>タウラ</t>
    </rPh>
    <rPh sb="12" eb="15">
      <t>トショシツ</t>
    </rPh>
    <phoneticPr fontId="2"/>
  </si>
  <si>
    <t>https://www.yokosuka-lib.jp/</t>
    <phoneticPr fontId="2"/>
  </si>
  <si>
    <t>無料</t>
    <rPh sb="0" eb="2">
      <t>ムリョウ</t>
    </rPh>
    <phoneticPr fontId="1"/>
  </si>
  <si>
    <t>逸見コミュニティセンター図書室</t>
    <rPh sb="0" eb="2">
      <t>イツミ</t>
    </rPh>
    <rPh sb="12" eb="15">
      <t>トショシツ</t>
    </rPh>
    <phoneticPr fontId="2"/>
  </si>
  <si>
    <t>衣笠コミュニティセンター図書室</t>
    <rPh sb="0" eb="2">
      <t>キヌガサ</t>
    </rPh>
    <rPh sb="12" eb="15">
      <t>トショシツ</t>
    </rPh>
    <phoneticPr fontId="2"/>
  </si>
  <si>
    <t>大津コミュニティセンター図書室</t>
    <rPh sb="0" eb="2">
      <t>オオツ</t>
    </rPh>
    <rPh sb="12" eb="15">
      <t>トショシツ</t>
    </rPh>
    <phoneticPr fontId="2"/>
  </si>
  <si>
    <t>浦賀コミュニティセンター図書室</t>
    <rPh sb="0" eb="2">
      <t>ウラガ</t>
    </rPh>
    <rPh sb="12" eb="15">
      <t>トショシツ</t>
    </rPh>
    <phoneticPr fontId="2"/>
  </si>
  <si>
    <t>北下浦コミュニティセンター図書室</t>
    <rPh sb="0" eb="2">
      <t>キタシタ</t>
    </rPh>
    <rPh sb="2" eb="3">
      <t>ウラ</t>
    </rPh>
    <rPh sb="13" eb="16">
      <t>トショシツ</t>
    </rPh>
    <phoneticPr fontId="2"/>
  </si>
  <si>
    <t>西コミュニティセンター図書室</t>
    <rPh sb="0" eb="1">
      <t>ニシ</t>
    </rPh>
    <rPh sb="11" eb="14">
      <t>トショシツ</t>
    </rPh>
    <phoneticPr fontId="2"/>
  </si>
  <si>
    <t>武山コミュニティセンター図書室</t>
    <rPh sb="0" eb="2">
      <t>タケヤマ</t>
    </rPh>
    <rPh sb="12" eb="15">
      <t>トショシツ</t>
    </rPh>
    <phoneticPr fontId="2"/>
  </si>
  <si>
    <t>長井コミュニティセンター図書室</t>
    <rPh sb="0" eb="2">
      <t>ナガイ</t>
    </rPh>
    <rPh sb="12" eb="15">
      <t>トショシツ</t>
    </rPh>
    <phoneticPr fontId="2"/>
  </si>
  <si>
    <t>ヒラツカシチュウオウトショカン</t>
  </si>
  <si>
    <t>ヒラツカシキタトショカン</t>
  </si>
  <si>
    <t>ヒラツカシニシトショカン</t>
  </si>
  <si>
    <t>ヒラツカシミナミトショカン</t>
  </si>
  <si>
    <t>0463-53-1232</t>
  </si>
  <si>
    <t>0463-36-3555</t>
  </si>
  <si>
    <t>0463-21-3080</t>
  </si>
  <si>
    <t>0歳～</t>
    <rPh sb="1" eb="2">
      <t>サイ</t>
    </rPh>
    <phoneticPr fontId="23"/>
  </si>
  <si>
    <t>無料</t>
    <rPh sb="0" eb="2">
      <t>ムリョウ</t>
    </rPh>
    <phoneticPr fontId="23"/>
  </si>
  <si>
    <t>フジサワシソウゴウシミントショカン</t>
    <phoneticPr fontId="2"/>
  </si>
  <si>
    <t>フジサワシツジドウシミントショカン</t>
    <phoneticPr fontId="2"/>
  </si>
  <si>
    <t>ミウラシトショカン</t>
    <phoneticPr fontId="2"/>
  </si>
  <si>
    <t>図書館利用者は無料</t>
    <rPh sb="0" eb="3">
      <t>トショカン</t>
    </rPh>
    <rPh sb="3" eb="6">
      <t>リヨウシャ</t>
    </rPh>
    <rPh sb="7" eb="9">
      <t>ムリョウ</t>
    </rPh>
    <phoneticPr fontId="2"/>
  </si>
  <si>
    <t>チュウオウトショカン</t>
    <phoneticPr fontId="2"/>
  </si>
  <si>
    <t>ミナミアシガラシリツトショカン</t>
    <phoneticPr fontId="2"/>
  </si>
  <si>
    <t xml:space="preserve">南足柄市に在勤・在学、又は南足柄市、小田原市、秦野市、足柄上郡、足柄下郡のいずれかに在住の方。 </t>
    <rPh sb="0" eb="3">
      <t>ミナミアシガラ</t>
    </rPh>
    <rPh sb="13" eb="16">
      <t>ミナミアシガラ</t>
    </rPh>
    <rPh sb="18" eb="21">
      <t>オダワラ</t>
    </rPh>
    <rPh sb="21" eb="22">
      <t>シ</t>
    </rPh>
    <rPh sb="23" eb="26">
      <t>ハダノシ</t>
    </rPh>
    <rPh sb="27" eb="31">
      <t>アシガラカミグン</t>
    </rPh>
    <rPh sb="32" eb="36">
      <t>アシガラシモグン</t>
    </rPh>
    <phoneticPr fontId="2"/>
  </si>
  <si>
    <t>綾瀬市に在勤・在学又は厚木市、伊勢原市、海老名市、相模原市、座間市、秦野市、藤沢市、大和市、愛川町、清川村のいずれかに在住の方</t>
    <rPh sb="0" eb="3">
      <t>アヤセシ</t>
    </rPh>
    <rPh sb="4" eb="6">
      <t>ザイキン</t>
    </rPh>
    <rPh sb="7" eb="9">
      <t>ザイガク</t>
    </rPh>
    <rPh sb="9" eb="10">
      <t>マタ</t>
    </rPh>
    <rPh sb="59" eb="61">
      <t>ザイジュウ</t>
    </rPh>
    <rPh sb="62" eb="63">
      <t>カタ</t>
    </rPh>
    <phoneticPr fontId="2"/>
  </si>
  <si>
    <t>横須賀市、鎌倉市、逗子市、三浦市及び在勤、在学者</t>
    <rPh sb="0" eb="4">
      <t>ヨコスカシ</t>
    </rPh>
    <rPh sb="5" eb="8">
      <t>カマクラシ</t>
    </rPh>
    <rPh sb="9" eb="12">
      <t>ズシシ</t>
    </rPh>
    <rPh sb="13" eb="15">
      <t>ミウラ</t>
    </rPh>
    <rPh sb="15" eb="16">
      <t>シ</t>
    </rPh>
    <rPh sb="16" eb="17">
      <t>オヨ</t>
    </rPh>
    <rPh sb="18" eb="20">
      <t>ザイキン</t>
    </rPh>
    <rPh sb="21" eb="23">
      <t>ザイガク</t>
    </rPh>
    <rPh sb="23" eb="24">
      <t>シャ</t>
    </rPh>
    <phoneticPr fontId="2"/>
  </si>
  <si>
    <t>TRC・相鉄企業体</t>
    <rPh sb="4" eb="6">
      <t>ソウテツ</t>
    </rPh>
    <rPh sb="6" eb="9">
      <t>キギョウタイ</t>
    </rPh>
    <phoneticPr fontId="2"/>
  </si>
  <si>
    <t>広域利用協定による藤沢市・茅ヶ崎市在住、文教大学生等</t>
    <rPh sb="0" eb="2">
      <t>コウイキ</t>
    </rPh>
    <rPh sb="2" eb="4">
      <t>リヨウ</t>
    </rPh>
    <rPh sb="4" eb="6">
      <t>キョウテイ</t>
    </rPh>
    <rPh sb="9" eb="11">
      <t>フジサワ</t>
    </rPh>
    <rPh sb="11" eb="12">
      <t>シ</t>
    </rPh>
    <rPh sb="13" eb="16">
      <t>チガサキ</t>
    </rPh>
    <rPh sb="16" eb="17">
      <t>シ</t>
    </rPh>
    <rPh sb="17" eb="19">
      <t>ザイジュウ</t>
    </rPh>
    <rPh sb="20" eb="22">
      <t>ブンキョウ</t>
    </rPh>
    <rPh sb="22" eb="24">
      <t>ダイガク</t>
    </rPh>
    <rPh sb="25" eb="26">
      <t>トウ</t>
    </rPh>
    <phoneticPr fontId="2"/>
  </si>
  <si>
    <t>平塚市、伊勢原市、秦野市、二宮町に在住の方</t>
    <rPh sb="0" eb="3">
      <t>ヒラツカシ</t>
    </rPh>
    <rPh sb="4" eb="8">
      <t>イセハラシ</t>
    </rPh>
    <rPh sb="9" eb="12">
      <t>ハダノシ</t>
    </rPh>
    <rPh sb="13" eb="16">
      <t>ニノミヤマチ</t>
    </rPh>
    <rPh sb="17" eb="19">
      <t>ザイジュウ</t>
    </rPh>
    <rPh sb="20" eb="21">
      <t>カタ</t>
    </rPh>
    <phoneticPr fontId="2"/>
  </si>
  <si>
    <t>二宮町に在勤・在学、または大磯町・平塚市・伊勢原市・秦野市・中井町・小田原市のいずれかに在住の方。</t>
    <rPh sb="0" eb="3">
      <t>ニノミヤマチ</t>
    </rPh>
    <rPh sb="4" eb="6">
      <t>ザイキン</t>
    </rPh>
    <rPh sb="7" eb="9">
      <t>ザイガク</t>
    </rPh>
    <rPh sb="13" eb="16">
      <t>オオイソマチ</t>
    </rPh>
    <rPh sb="17" eb="20">
      <t>ヒラツカシ</t>
    </rPh>
    <rPh sb="21" eb="25">
      <t>イセハラシ</t>
    </rPh>
    <rPh sb="26" eb="29">
      <t>ハダノシ</t>
    </rPh>
    <rPh sb="30" eb="33">
      <t>ナカイマチ</t>
    </rPh>
    <rPh sb="34" eb="38">
      <t>オダワラシ</t>
    </rPh>
    <rPh sb="44" eb="46">
      <t>ザイジュウ</t>
    </rPh>
    <rPh sb="47" eb="48">
      <t>カタ</t>
    </rPh>
    <phoneticPr fontId="1"/>
  </si>
  <si>
    <t>ユガワラチョウリツトショカン</t>
  </si>
  <si>
    <t>0465-63-4155</t>
  </si>
  <si>
    <t>POIコード</t>
    <phoneticPr fontId="2"/>
  </si>
  <si>
    <t>カイセイチョウミンセンタートショシツ</t>
    <phoneticPr fontId="2"/>
  </si>
  <si>
    <t xml:space="preserve">開成町に在住・在学・在勤、又は小田原市、南足柄市、中井町、大井町、松田町、山北町、箱根町、真鶴町、湯河原町のいずれかに在住の方。 </t>
    <rPh sb="0" eb="3">
      <t>カイセイマチ</t>
    </rPh>
    <rPh sb="4" eb="6">
      <t>ザイジュウ</t>
    </rPh>
    <rPh sb="7" eb="9">
      <t>ザイガク</t>
    </rPh>
    <rPh sb="10" eb="12">
      <t>ザイキン</t>
    </rPh>
    <rPh sb="13" eb="14">
      <t>マタ</t>
    </rPh>
    <rPh sb="15" eb="19">
      <t>オダワラシ</t>
    </rPh>
    <rPh sb="20" eb="24">
      <t>ミナミアシガラシ</t>
    </rPh>
    <rPh sb="25" eb="27">
      <t>ナカイ</t>
    </rPh>
    <rPh sb="27" eb="28">
      <t>マチ</t>
    </rPh>
    <rPh sb="29" eb="32">
      <t>オオイマチ</t>
    </rPh>
    <rPh sb="33" eb="35">
      <t>マツダ</t>
    </rPh>
    <rPh sb="35" eb="36">
      <t>マチ</t>
    </rPh>
    <rPh sb="37" eb="40">
      <t>ヤマキタマチ</t>
    </rPh>
    <rPh sb="41" eb="44">
      <t>ハコネマチ</t>
    </rPh>
    <rPh sb="45" eb="47">
      <t>マナヅル</t>
    </rPh>
    <rPh sb="47" eb="48">
      <t>マチ</t>
    </rPh>
    <rPh sb="49" eb="53">
      <t>ユガワラマチ</t>
    </rPh>
    <rPh sb="59" eb="61">
      <t>ザイジュウ</t>
    </rPh>
    <rPh sb="62" eb="63">
      <t>カタ</t>
    </rPh>
    <phoneticPr fontId="2"/>
  </si>
  <si>
    <t>大和市大和南１－８－１</t>
    <rPh sb="0" eb="3">
      <t>ヤマトシ</t>
    </rPh>
    <rPh sb="3" eb="5">
      <t>ヤマト</t>
    </rPh>
    <rPh sb="5" eb="6">
      <t>ミナミ</t>
    </rPh>
    <phoneticPr fontId="2"/>
  </si>
  <si>
    <t>0600000054</t>
  </si>
  <si>
    <t>0000000002</t>
  </si>
  <si>
    <t>0100000003</t>
  </si>
  <si>
    <t>0100000004</t>
  </si>
  <si>
    <t>0100000005</t>
  </si>
  <si>
    <t>0100000006</t>
  </si>
  <si>
    <t>0100000007</t>
  </si>
  <si>
    <t>0100000008</t>
  </si>
  <si>
    <t>0100000009</t>
  </si>
  <si>
    <t>0100000010</t>
  </si>
  <si>
    <t>0100000011</t>
  </si>
  <si>
    <t>0100000012</t>
  </si>
  <si>
    <t>0100000013</t>
  </si>
  <si>
    <t>0100000014</t>
  </si>
  <si>
    <t>0100000015</t>
  </si>
  <si>
    <t>0100000016</t>
  </si>
  <si>
    <t>0100000017</t>
  </si>
  <si>
    <t>0100000018</t>
  </si>
  <si>
    <t>0100000019</t>
  </si>
  <si>
    <t>0100000020</t>
  </si>
  <si>
    <t>0200000021</t>
  </si>
  <si>
    <t>0200000022</t>
  </si>
  <si>
    <t>0200000023</t>
  </si>
  <si>
    <t>0200000024</t>
  </si>
  <si>
    <t>0200000025</t>
  </si>
  <si>
    <t>0200000026</t>
  </si>
  <si>
    <t>0200000027</t>
  </si>
  <si>
    <t>0200000028</t>
  </si>
  <si>
    <t>0200000029</t>
  </si>
  <si>
    <t>0200000030</t>
  </si>
  <si>
    <t>0200000031</t>
  </si>
  <si>
    <t>0200000032</t>
  </si>
  <si>
    <t>0300000033</t>
  </si>
  <si>
    <t>0300000034</t>
  </si>
  <si>
    <t>0300000036</t>
  </si>
  <si>
    <t>0400000037</t>
  </si>
  <si>
    <t>0400000038</t>
  </si>
  <si>
    <t>0400000039</t>
  </si>
  <si>
    <t>0400000040</t>
  </si>
  <si>
    <t>0400000041</t>
  </si>
  <si>
    <t>0400000042</t>
  </si>
  <si>
    <t>0400000043</t>
  </si>
  <si>
    <t>0400000044</t>
  </si>
  <si>
    <t>0400000045</t>
  </si>
  <si>
    <t>0400000046</t>
  </si>
  <si>
    <t>0400000047</t>
  </si>
  <si>
    <t>0400000048</t>
  </si>
  <si>
    <t>0400000049</t>
  </si>
  <si>
    <t>0500000050</t>
  </si>
  <si>
    <t>0500000051</t>
  </si>
  <si>
    <t>0500000052</t>
  </si>
  <si>
    <t>0500000053</t>
  </si>
  <si>
    <t>0600000055</t>
  </si>
  <si>
    <t>0600000056</t>
  </si>
  <si>
    <t>0600000057</t>
  </si>
  <si>
    <t>0600000058</t>
  </si>
  <si>
    <t>0700000059</t>
  </si>
  <si>
    <t>0700000060</t>
  </si>
  <si>
    <t>0700000061</t>
  </si>
  <si>
    <t>0700000062</t>
  </si>
  <si>
    <t>0800000064</t>
  </si>
  <si>
    <t>0900000065</t>
  </si>
  <si>
    <t>0900000066</t>
  </si>
  <si>
    <t>1000000067</t>
  </si>
  <si>
    <t>1000000068</t>
  </si>
  <si>
    <t>1000000069</t>
  </si>
  <si>
    <t>1100000070</t>
  </si>
  <si>
    <t>1100000071</t>
  </si>
  <si>
    <t>1100000072</t>
  </si>
  <si>
    <t>1200000073</t>
  </si>
  <si>
    <t>1300000074</t>
  </si>
  <si>
    <t>1300000075</t>
  </si>
  <si>
    <t>1300000076</t>
  </si>
  <si>
    <t>1300000077</t>
  </si>
  <si>
    <t>1300000078</t>
  </si>
  <si>
    <t>1300000079</t>
  </si>
  <si>
    <t>1300000080</t>
  </si>
  <si>
    <t>1300000081</t>
  </si>
  <si>
    <t>1300000082</t>
  </si>
  <si>
    <t>1300000083</t>
  </si>
  <si>
    <t>1400000084</t>
  </si>
  <si>
    <t>1600000086</t>
  </si>
  <si>
    <t>1600000087</t>
  </si>
  <si>
    <t>1700000088</t>
  </si>
  <si>
    <t>1800000089</t>
  </si>
  <si>
    <t>1900000090</t>
  </si>
  <si>
    <t>2000000091</t>
  </si>
  <si>
    <t>2100000092</t>
  </si>
  <si>
    <t>2200000093</t>
  </si>
  <si>
    <t>2200000094</t>
  </si>
  <si>
    <t>2300000095</t>
  </si>
  <si>
    <t>2400000096</t>
  </si>
  <si>
    <t>愛川町に在住・在勤。又は厚木市・綾瀬市・伊勢原市・海老名市・相模原市・座間市・秦野市・大和市・清川村在住の方</t>
    <rPh sb="0" eb="3">
      <t>アイカワマチ</t>
    </rPh>
    <rPh sb="4" eb="6">
      <t>ザイジュウ</t>
    </rPh>
    <rPh sb="7" eb="9">
      <t>ザイキン</t>
    </rPh>
    <rPh sb="10" eb="11">
      <t>マタ</t>
    </rPh>
    <rPh sb="12" eb="14">
      <t>アツギ</t>
    </rPh>
    <rPh sb="14" eb="15">
      <t>シ</t>
    </rPh>
    <rPh sb="16" eb="19">
      <t>アヤセシ</t>
    </rPh>
    <rPh sb="20" eb="24">
      <t>イセハラシ</t>
    </rPh>
    <rPh sb="25" eb="29">
      <t>エビナシ</t>
    </rPh>
    <rPh sb="30" eb="34">
      <t>サガミハラシ</t>
    </rPh>
    <rPh sb="35" eb="38">
      <t>ザマシ</t>
    </rPh>
    <rPh sb="39" eb="42">
      <t>ハタノシ</t>
    </rPh>
    <rPh sb="43" eb="46">
      <t>ヤマトシ</t>
    </rPh>
    <rPh sb="47" eb="50">
      <t>キヨカワムラ</t>
    </rPh>
    <rPh sb="50" eb="52">
      <t>ザイジュウ</t>
    </rPh>
    <rPh sb="53" eb="54">
      <t>ホウ</t>
    </rPh>
    <phoneticPr fontId="2"/>
  </si>
  <si>
    <t>県西広域市町村圏（小田原市・南足柄市・箱根町・湯河原町・山北町・開成町・松田町・大井町・中井町）に在住</t>
    <rPh sb="49" eb="51">
      <t>ザイジュウ</t>
    </rPh>
    <phoneticPr fontId="2"/>
  </si>
  <si>
    <t>3000020142174</t>
    <phoneticPr fontId="2"/>
  </si>
  <si>
    <t>市民活動施設</t>
    <rPh sb="0" eb="2">
      <t>シミン</t>
    </rPh>
    <rPh sb="2" eb="4">
      <t>カツドウ</t>
    </rPh>
    <rPh sb="4" eb="6">
      <t>シセツ</t>
    </rPh>
    <phoneticPr fontId="2"/>
  </si>
  <si>
    <t>オオイマチトショカン</t>
    <phoneticPr fontId="2"/>
  </si>
  <si>
    <t>オオイチョウリツソウワカイカントショカン</t>
    <phoneticPr fontId="2"/>
  </si>
  <si>
    <t>町内に在学・在勤の方、又は小田原市・南足柄市・秦野市・松田町・開成町・中井町・山北町・箱根町・湯河原町・真鶴町に在住の方</t>
    <rPh sb="0" eb="2">
      <t>チョウナイ</t>
    </rPh>
    <rPh sb="3" eb="5">
      <t>ザイガク</t>
    </rPh>
    <rPh sb="6" eb="8">
      <t>ザイキン</t>
    </rPh>
    <rPh sb="9" eb="10">
      <t>カタ</t>
    </rPh>
    <rPh sb="11" eb="12">
      <t>マタ</t>
    </rPh>
    <rPh sb="13" eb="17">
      <t>オダワラシ</t>
    </rPh>
    <rPh sb="18" eb="22">
      <t>ミナミアシガラシ</t>
    </rPh>
    <rPh sb="23" eb="26">
      <t>ハダノシ</t>
    </rPh>
    <rPh sb="27" eb="29">
      <t>マツダ</t>
    </rPh>
    <rPh sb="29" eb="30">
      <t>マチ</t>
    </rPh>
    <rPh sb="31" eb="34">
      <t>カイセイマチ</t>
    </rPh>
    <rPh sb="35" eb="38">
      <t>ナカイマチ</t>
    </rPh>
    <rPh sb="39" eb="42">
      <t>ヤマキタマチ</t>
    </rPh>
    <rPh sb="43" eb="46">
      <t>ハコネマチ</t>
    </rPh>
    <rPh sb="47" eb="51">
      <t>ユガワラマチ</t>
    </rPh>
    <rPh sb="52" eb="54">
      <t>マナヅル</t>
    </rPh>
    <rPh sb="54" eb="55">
      <t>マチ</t>
    </rPh>
    <rPh sb="56" eb="58">
      <t>ザイジュウ</t>
    </rPh>
    <rPh sb="59" eb="60">
      <t>カタ</t>
    </rPh>
    <phoneticPr fontId="2"/>
  </si>
  <si>
    <t>町内に在学・在勤の方、又は小田原市・南足柄市・秦野市・松田町・開成町・中井町・山北町・箱根町・湯河原町・真鶴町に在住の方</t>
    <phoneticPr fontId="2"/>
  </si>
  <si>
    <t>https://ebina.city-library.jp/</t>
    <phoneticPr fontId="2"/>
  </si>
  <si>
    <t>0歳～。ただし、幼児・小学生は保護者との来館若しくは承諾を示す書類が必要。</t>
    <rPh sb="22" eb="23">
      <t>モ</t>
    </rPh>
    <rPh sb="26" eb="28">
      <t>ショウダク</t>
    </rPh>
    <rPh sb="29" eb="30">
      <t>シメ</t>
    </rPh>
    <rPh sb="31" eb="33">
      <t>ショルイ</t>
    </rPh>
    <rPh sb="34" eb="36">
      <t>ヒツヨウ</t>
    </rPh>
    <phoneticPr fontId="2"/>
  </si>
  <si>
    <t>0歳～。※中学生以下は、保護者の承諾書が必要である。</t>
    <rPh sb="1" eb="2">
      <t>サイ</t>
    </rPh>
    <rPh sb="5" eb="8">
      <t>チュウガクセイ</t>
    </rPh>
    <rPh sb="8" eb="10">
      <t>イカ</t>
    </rPh>
    <rPh sb="12" eb="15">
      <t>ホゴシャ</t>
    </rPh>
    <rPh sb="16" eb="19">
      <t>ショウダクショ</t>
    </rPh>
    <rPh sb="20" eb="22">
      <t>ヒツヨウ</t>
    </rPh>
    <phoneticPr fontId="2"/>
  </si>
  <si>
    <t>多目的トイレ（1＝有、0＝無）</t>
    <rPh sb="0" eb="3">
      <t>タモクテキ</t>
    </rPh>
    <phoneticPr fontId="2"/>
  </si>
  <si>
    <t>オムツ交換台（1＝有、0＝無）</t>
    <rPh sb="3" eb="6">
      <t>コウカンダイ</t>
    </rPh>
    <phoneticPr fontId="2"/>
  </si>
  <si>
    <t>授乳室（1＝有、0＝無）</t>
    <rPh sb="0" eb="2">
      <t>ジュニュウ</t>
    </rPh>
    <rPh sb="2" eb="3">
      <t>シツ</t>
    </rPh>
    <phoneticPr fontId="2"/>
  </si>
  <si>
    <t>飲食スペース（1＝有、0＝無）</t>
    <rPh sb="0" eb="2">
      <t>インショク</t>
    </rPh>
    <phoneticPr fontId="2"/>
  </si>
  <si>
    <t>絵本読み聞かせスペース（1＝有、0＝無）</t>
    <rPh sb="0" eb="2">
      <t>エホン</t>
    </rPh>
    <rPh sb="2" eb="3">
      <t>ヨ</t>
    </rPh>
    <rPh sb="4" eb="5">
      <t>キ</t>
    </rPh>
    <phoneticPr fontId="2"/>
  </si>
  <si>
    <t>子ども向けＣＤ、ＤＶＤの貸出（1＝有、0＝無）</t>
    <rPh sb="0" eb="1">
      <t>コ</t>
    </rPh>
    <rPh sb="3" eb="4">
      <t>ム</t>
    </rPh>
    <rPh sb="12" eb="14">
      <t>カシダシ</t>
    </rPh>
    <phoneticPr fontId="2"/>
  </si>
  <si>
    <t>駐輪場（1＝有、0＝無）</t>
    <rPh sb="0" eb="3">
      <t>チュウリンジョウ</t>
    </rPh>
    <phoneticPr fontId="2"/>
  </si>
  <si>
    <t>自治体住民以外の利用登録（1＝可、0＝不可）</t>
    <rPh sb="0" eb="3">
      <t>ジチタイ</t>
    </rPh>
    <rPh sb="3" eb="5">
      <t>ジュウミン</t>
    </rPh>
    <rPh sb="5" eb="7">
      <t>イガイ</t>
    </rPh>
    <rPh sb="8" eb="10">
      <t>リヨウ</t>
    </rPh>
    <rPh sb="10" eb="12">
      <t>トウロク</t>
    </rPh>
    <rPh sb="15" eb="16">
      <t>カ</t>
    </rPh>
    <rPh sb="19" eb="21">
      <t>フカ</t>
    </rPh>
    <phoneticPr fontId="2"/>
  </si>
  <si>
    <t>返却ポスト（1＝有、0＝無）</t>
    <rPh sb="0" eb="2">
      <t>ヘンキャク</t>
    </rPh>
    <phoneticPr fontId="2"/>
  </si>
  <si>
    <t>ネット予約（1＝可、0＝不可）</t>
    <rPh sb="3" eb="5">
      <t>ヨヤク</t>
    </rPh>
    <phoneticPr fontId="2"/>
  </si>
  <si>
    <t>名称_通称</t>
    <rPh sb="0" eb="2">
      <t>メイショウ</t>
    </rPh>
    <rPh sb="3" eb="5">
      <t>ツウショウ</t>
    </rPh>
    <phoneticPr fontId="2"/>
  </si>
  <si>
    <t>ザマシリツトショカン</t>
  </si>
  <si>
    <t>046-255-1211</t>
  </si>
  <si>
    <t>相模原市、厚木市、海老名市、大和市、綾瀬市、愛川町、清川村、秦野市、伊勢原市</t>
    <rPh sb="0" eb="4">
      <t>サガミハラシ</t>
    </rPh>
    <rPh sb="5" eb="8">
      <t>アツギシ</t>
    </rPh>
    <rPh sb="9" eb="13">
      <t>エビナシ</t>
    </rPh>
    <rPh sb="14" eb="16">
      <t>ヤマト</t>
    </rPh>
    <rPh sb="16" eb="17">
      <t>シ</t>
    </rPh>
    <rPh sb="18" eb="21">
      <t>アヤセシ</t>
    </rPh>
    <rPh sb="22" eb="25">
      <t>アイカワマチ</t>
    </rPh>
    <rPh sb="26" eb="29">
      <t>キヨカワムラ</t>
    </rPh>
    <rPh sb="30" eb="33">
      <t>ハダノシ</t>
    </rPh>
    <rPh sb="34" eb="37">
      <t>イセハラ</t>
    </rPh>
    <rPh sb="37" eb="38">
      <t>シ</t>
    </rPh>
    <phoneticPr fontId="1"/>
  </si>
  <si>
    <t>開成町民センター図書室</t>
    <phoneticPr fontId="6"/>
  </si>
  <si>
    <t>藤沢市湘南大庭市民図書館</t>
    <phoneticPr fontId="6"/>
  </si>
  <si>
    <t>相模原市立図書館相武台分館</t>
    <phoneticPr fontId="6"/>
  </si>
  <si>
    <t>公民館</t>
    <rPh sb="0" eb="3">
      <t>コウミンカン</t>
    </rPh>
    <phoneticPr fontId="2"/>
  </si>
  <si>
    <t>大井町立そうわ会館図書室</t>
    <phoneticPr fontId="6"/>
  </si>
  <si>
    <t>その他の教育文化施設</t>
    <rPh sb="2" eb="3">
      <t>タ</t>
    </rPh>
    <rPh sb="4" eb="6">
      <t>キョウイク</t>
    </rPh>
    <rPh sb="6" eb="8">
      <t>ブンカ</t>
    </rPh>
    <rPh sb="8" eb="10">
      <t>シセツ</t>
    </rPh>
    <phoneticPr fontId="2"/>
  </si>
  <si>
    <t>火～金 9：00～19：00　土・日・祝 9：00～17：00。定期休館日：月曜日（祝日の場合はそれ以降の平日）・第3木曜日（祝日の場合は開館）。年末年始、特別整理期間。</t>
    <rPh sb="0" eb="1">
      <t>カ</t>
    </rPh>
    <rPh sb="2" eb="3">
      <t>キン</t>
    </rPh>
    <rPh sb="50" eb="52">
      <t>イコウ</t>
    </rPh>
    <rPh sb="53" eb="55">
      <t>ヘイジツ</t>
    </rPh>
    <rPh sb="69" eb="71">
      <t>カイカン</t>
    </rPh>
    <phoneticPr fontId="2"/>
  </si>
  <si>
    <t>夏休み期間の火・水・木は18：00まで。金 9：00～19：00。土・日・祝 9：00～17：00。定期休館日：月曜日（祝日の場合はそれ以降の平日）・第3木曜日（祝日の場合は開館）。年末年始、特別整理期間。</t>
    <rPh sb="6" eb="7">
      <t>ヒ</t>
    </rPh>
    <rPh sb="8" eb="9">
      <t>スイ</t>
    </rPh>
    <rPh sb="10" eb="11">
      <t>モク</t>
    </rPh>
    <phoneticPr fontId="2"/>
  </si>
  <si>
    <t>3階（子どもの本のフロア）は9：00～17：00。定期休館日：施設保守日、年末年始、特別整理期間。</t>
    <rPh sb="3" eb="4">
      <t>コ</t>
    </rPh>
    <rPh sb="7" eb="8">
      <t>ホン</t>
    </rPh>
    <phoneticPr fontId="2"/>
  </si>
  <si>
    <t>土・日・祝 9：00～17：00。定期休館日：月曜日（祝日の場合は翌平日）、 偶数月第1水曜日、祝日の翌日、1月4日、年末年始、特別整理期間、その他教育長が定める日。</t>
    <rPh sb="27" eb="29">
      <t>シュクジツ</t>
    </rPh>
    <rPh sb="34" eb="35">
      <t>タイ</t>
    </rPh>
    <rPh sb="48" eb="49">
      <t>イワ</t>
    </rPh>
    <rPh sb="55" eb="56">
      <t>ツキ</t>
    </rPh>
    <rPh sb="57" eb="58">
      <t>ニチ</t>
    </rPh>
    <rPh sb="59" eb="61">
      <t>ネンマツ</t>
    </rPh>
    <rPh sb="61" eb="63">
      <t>ネンシ</t>
    </rPh>
    <rPh sb="73" eb="74">
      <t>タ</t>
    </rPh>
    <rPh sb="74" eb="77">
      <t>キョウイクチョウ</t>
    </rPh>
    <rPh sb="78" eb="79">
      <t>サダ</t>
    </rPh>
    <rPh sb="81" eb="82">
      <t>ヒ</t>
    </rPh>
    <phoneticPr fontId="2"/>
  </si>
  <si>
    <t>定期休館日：年末年始、特別整理期間定期清掃日。</t>
    <phoneticPr fontId="2"/>
  </si>
  <si>
    <t>相模原市に在勤・在学の方。次の市町村在住の方：秦野市、厚木市、大和市、伊勢原市、海老名市、座間市、綾瀬市、愛川町、清川村、町田市、八王子市、上野原市。次の大学の学生、教職員の方：多摩美術大学、東京工科大学、桜美林大学。</t>
    <rPh sb="0" eb="4">
      <t>サガミハラシ</t>
    </rPh>
    <rPh sb="11" eb="12">
      <t>カタ</t>
    </rPh>
    <rPh sb="13" eb="14">
      <t>ツギ</t>
    </rPh>
    <rPh sb="15" eb="18">
      <t>シチョウソン</t>
    </rPh>
    <rPh sb="18" eb="20">
      <t>ザイジュウ</t>
    </rPh>
    <rPh sb="21" eb="22">
      <t>カタ</t>
    </rPh>
    <rPh sb="23" eb="26">
      <t>ハダノシ</t>
    </rPh>
    <rPh sb="27" eb="30">
      <t>アツギシ</t>
    </rPh>
    <rPh sb="31" eb="34">
      <t>ヤマトシ</t>
    </rPh>
    <rPh sb="35" eb="39">
      <t>イセハラシ</t>
    </rPh>
    <rPh sb="40" eb="44">
      <t>エビナシ</t>
    </rPh>
    <rPh sb="45" eb="48">
      <t>ザマシ</t>
    </rPh>
    <rPh sb="49" eb="52">
      <t>アヤセシ</t>
    </rPh>
    <rPh sb="53" eb="56">
      <t>アイカワマチ</t>
    </rPh>
    <rPh sb="57" eb="60">
      <t>キヨカワムラ</t>
    </rPh>
    <rPh sb="61" eb="64">
      <t>マチダシ</t>
    </rPh>
    <rPh sb="65" eb="69">
      <t>ハチオウジシ</t>
    </rPh>
    <rPh sb="70" eb="72">
      <t>ウエノ</t>
    </rPh>
    <rPh sb="72" eb="74">
      <t>ハライチ</t>
    </rPh>
    <rPh sb="75" eb="76">
      <t>ツギ</t>
    </rPh>
    <rPh sb="77" eb="79">
      <t>ダイガク</t>
    </rPh>
    <rPh sb="80" eb="82">
      <t>ガクセイ</t>
    </rPh>
    <rPh sb="83" eb="86">
      <t>キョウショクイン</t>
    </rPh>
    <rPh sb="87" eb="88">
      <t>ホウ</t>
    </rPh>
    <rPh sb="89" eb="91">
      <t>タマ</t>
    </rPh>
    <rPh sb="91" eb="93">
      <t>ビジュツ</t>
    </rPh>
    <rPh sb="93" eb="95">
      <t>ダイガク</t>
    </rPh>
    <rPh sb="96" eb="98">
      <t>トウキョウ</t>
    </rPh>
    <rPh sb="98" eb="100">
      <t>コウカ</t>
    </rPh>
    <rPh sb="100" eb="102">
      <t>ダイガク</t>
    </rPh>
    <rPh sb="103" eb="106">
      <t>オウビリン</t>
    </rPh>
    <rPh sb="106" eb="108">
      <t>ダイガク</t>
    </rPh>
    <phoneticPr fontId="2"/>
  </si>
  <si>
    <t>①南足柄市、足柄上郡、足柄下郡及び中郡二宮町内に居住する者。②小田原市内に通勤する者。③小田原市内に通学する者。</t>
    <rPh sb="1" eb="5">
      <t>ミナミアシガラシ</t>
    </rPh>
    <rPh sb="6" eb="10">
      <t>アシガラカミグン</t>
    </rPh>
    <rPh sb="11" eb="15">
      <t>アシガラシモグン</t>
    </rPh>
    <rPh sb="15" eb="16">
      <t>オヨ</t>
    </rPh>
    <rPh sb="17" eb="19">
      <t>ナカグン</t>
    </rPh>
    <rPh sb="19" eb="22">
      <t>ニノミヤマチ</t>
    </rPh>
    <rPh sb="22" eb="23">
      <t>ナイ</t>
    </rPh>
    <rPh sb="24" eb="26">
      <t>キョジュウ</t>
    </rPh>
    <rPh sb="28" eb="29">
      <t>モノ</t>
    </rPh>
    <rPh sb="31" eb="36">
      <t>オダワラシナイ</t>
    </rPh>
    <rPh sb="37" eb="39">
      <t>ツウキン</t>
    </rPh>
    <rPh sb="41" eb="42">
      <t>モノ</t>
    </rPh>
    <rPh sb="44" eb="49">
      <t>オダワラシナイ</t>
    </rPh>
    <rPh sb="50" eb="52">
      <t>ツウガク</t>
    </rPh>
    <rPh sb="54" eb="55">
      <t>モノ</t>
    </rPh>
    <phoneticPr fontId="2"/>
  </si>
  <si>
    <t>平塚市・藤沢市・寒川町に住んでいる方、または茅ヶ崎市に通勤・通学している方。文教大学、湘南工科大学、東海大学、日本大学生物資源科学部の学生、教職員。</t>
    <rPh sb="17" eb="18">
      <t>カタ</t>
    </rPh>
    <rPh sb="36" eb="37">
      <t>カタ</t>
    </rPh>
    <rPh sb="67" eb="69">
      <t>ガクセイ</t>
    </rPh>
    <rPh sb="70" eb="73">
      <t>キョウショクイン</t>
    </rPh>
    <phoneticPr fontId="2"/>
  </si>
  <si>
    <t>大雄山線  塚原駅  徒歩5分。※P：無料38台（うち障がい者用3台）</t>
    <phoneticPr fontId="2"/>
  </si>
  <si>
    <t>授乳室はありませんが、随時そのためのスペースを確保しますのでお申し出ください。おひざのうえのおはなし会(赤ちゃんから幼児)(毎週火曜日10:30～11:00)。4さいからのおはなし会(4歳ぐらいから)(毎週木曜日15:30～16:00毎月第2土曜日15:00～15:30)</t>
    <rPh sb="0" eb="3">
      <t>ジュニュウシツ</t>
    </rPh>
    <rPh sb="11" eb="13">
      <t>ズイジ</t>
    </rPh>
    <rPh sb="23" eb="25">
      <t>カクホ</t>
    </rPh>
    <rPh sb="31" eb="32">
      <t>モウ</t>
    </rPh>
    <rPh sb="33" eb="34">
      <t>デ</t>
    </rPh>
    <rPh sb="50" eb="51">
      <t>カイ</t>
    </rPh>
    <rPh sb="52" eb="53">
      <t>アカ</t>
    </rPh>
    <rPh sb="58" eb="60">
      <t>ヨウジ</t>
    </rPh>
    <rPh sb="62" eb="64">
      <t>マイシュウ</t>
    </rPh>
    <rPh sb="64" eb="67">
      <t>カヨウビ</t>
    </rPh>
    <rPh sb="90" eb="91">
      <t>カイ</t>
    </rPh>
    <rPh sb="93" eb="94">
      <t>サイ</t>
    </rPh>
    <rPh sb="101" eb="103">
      <t>マイシュウ</t>
    </rPh>
    <rPh sb="103" eb="106">
      <t>モクヨウビ</t>
    </rPh>
    <rPh sb="117" eb="119">
      <t>マイツキ</t>
    </rPh>
    <rPh sb="119" eb="120">
      <t>ダイ</t>
    </rPh>
    <rPh sb="121" eb="122">
      <t>ド</t>
    </rPh>
    <rPh sb="122" eb="124">
      <t>ヨウビ</t>
    </rPh>
    <phoneticPr fontId="2"/>
  </si>
  <si>
    <t>おはなしと紙芝居（毎週土曜日）。３歳までのおはなし会（第３木曜日）。</t>
    <rPh sb="5" eb="8">
      <t>カミシバイ</t>
    </rPh>
    <rPh sb="9" eb="11">
      <t>マイシュウ</t>
    </rPh>
    <rPh sb="11" eb="14">
      <t>ドヨウビ</t>
    </rPh>
    <rPh sb="17" eb="18">
      <t>サイ</t>
    </rPh>
    <rPh sb="25" eb="26">
      <t>カイ</t>
    </rPh>
    <rPh sb="27" eb="28">
      <t>ダイ</t>
    </rPh>
    <rPh sb="29" eb="32">
      <t>モクヨウビ</t>
    </rPh>
    <phoneticPr fontId="2"/>
  </si>
  <si>
    <t>おはなしと紙芝居（第１～第３土曜日）。３歳までのおはなし会（第２木曜日）。</t>
    <rPh sb="5" eb="8">
      <t>カミシバイ</t>
    </rPh>
    <rPh sb="9" eb="10">
      <t>ダイ</t>
    </rPh>
    <rPh sb="12" eb="13">
      <t>ダイ</t>
    </rPh>
    <rPh sb="14" eb="17">
      <t>ドヨウビ</t>
    </rPh>
    <rPh sb="20" eb="21">
      <t>サイ</t>
    </rPh>
    <rPh sb="28" eb="29">
      <t>カイ</t>
    </rPh>
    <rPh sb="30" eb="31">
      <t>ダイ</t>
    </rPh>
    <rPh sb="32" eb="35">
      <t>モクヨウビ</t>
    </rPh>
    <phoneticPr fontId="2"/>
  </si>
  <si>
    <t>団体名（施設管理団体）</t>
    <rPh sb="0" eb="2">
      <t>ダンタイ</t>
    </rPh>
    <rPh sb="2" eb="3">
      <t>メイ</t>
    </rPh>
    <rPh sb="4" eb="6">
      <t>シセツ</t>
    </rPh>
    <rPh sb="6" eb="8">
      <t>カンリ</t>
    </rPh>
    <rPh sb="8" eb="10">
      <t>ダンタイ</t>
    </rPh>
    <phoneticPr fontId="2"/>
  </si>
  <si>
    <t>定期休館日：祝日、年末年始</t>
  </si>
  <si>
    <t>中井町に通勤・通学されている方。南足柄市・大井町・松田町・山北町・開成町・小田原市・真鶴町・湯河原町・箱根町・秦野市・二宮町にお住まいの方。</t>
    <rPh sb="0" eb="2">
      <t>ナカイ</t>
    </rPh>
    <rPh sb="2" eb="3">
      <t>マチ</t>
    </rPh>
    <rPh sb="19" eb="20">
      <t>シ</t>
    </rPh>
    <rPh sb="23" eb="24">
      <t>マチ</t>
    </rPh>
    <rPh sb="27" eb="28">
      <t>マチ</t>
    </rPh>
    <rPh sb="31" eb="32">
      <t>マチ</t>
    </rPh>
    <rPh sb="35" eb="36">
      <t>マチ</t>
    </rPh>
    <rPh sb="40" eb="41">
      <t>シ</t>
    </rPh>
    <rPh sb="44" eb="45">
      <t>マチ</t>
    </rPh>
    <rPh sb="49" eb="50">
      <t>マチ</t>
    </rPh>
    <rPh sb="53" eb="54">
      <t>マチ</t>
    </rPh>
    <rPh sb="57" eb="58">
      <t>シ</t>
    </rPh>
    <rPh sb="61" eb="62">
      <t>マチ</t>
    </rPh>
    <phoneticPr fontId="2"/>
  </si>
  <si>
    <t>火水木金土日</t>
  </si>
  <si>
    <t>月火水木金土日</t>
  </si>
  <si>
    <t>月水木金土日</t>
  </si>
  <si>
    <t>0歳～</t>
    <rPh sb="1" eb="2">
      <t>サイ</t>
    </rPh>
    <phoneticPr fontId="1"/>
  </si>
  <si>
    <t>40555</t>
  </si>
  <si>
    <t>3000020142034</t>
    <phoneticPr fontId="2"/>
  </si>
  <si>
    <t>利用可能曜日</t>
    <rPh sb="0" eb="2">
      <t>リヨウ</t>
    </rPh>
    <rPh sb="2" eb="4">
      <t>カノウ</t>
    </rPh>
    <rPh sb="4" eb="6">
      <t>ヨウビ</t>
    </rPh>
    <phoneticPr fontId="2"/>
  </si>
  <si>
    <t>おはなし会（第１・３水曜日午前小さい子向き）（第２・４水曜日午後大きい子向き）。ネット予約は所蔵分のみ可能</t>
    <rPh sb="43" eb="45">
      <t>ヨヤク</t>
    </rPh>
    <phoneticPr fontId="2"/>
  </si>
  <si>
    <t>ナカイチョウリツイノクチコウミンカントショシツ</t>
  </si>
  <si>
    <t>図書館設置パソコンの利用（1＝有、0＝無）</t>
    <rPh sb="0" eb="3">
      <t>トショカン</t>
    </rPh>
    <rPh sb="3" eb="5">
      <t>セッチ</t>
    </rPh>
    <rPh sb="10" eb="12">
      <t>リヨウ</t>
    </rPh>
    <rPh sb="15" eb="16">
      <t>アリ</t>
    </rPh>
    <rPh sb="19" eb="20">
      <t>ナシ</t>
    </rPh>
    <phoneticPr fontId="2"/>
  </si>
  <si>
    <t>http://www.yamato-bunka.jp/library/</t>
    <phoneticPr fontId="2"/>
  </si>
  <si>
    <t>３市８町（小田原市、南足柄市、秦野市、中井町、大井町、松田町、山北町、開成町、箱根町、真鶴町、湯河原町）に在住・在勤・在学者</t>
    <rPh sb="1" eb="2">
      <t>シ</t>
    </rPh>
    <rPh sb="3" eb="4">
      <t>マチ</t>
    </rPh>
    <rPh sb="5" eb="9">
      <t>オダワラシ</t>
    </rPh>
    <rPh sb="10" eb="14">
      <t>ミナミアシガラシ</t>
    </rPh>
    <rPh sb="15" eb="18">
      <t>ハダノシ</t>
    </rPh>
    <rPh sb="23" eb="26">
      <t>オオイマチ</t>
    </rPh>
    <rPh sb="31" eb="34">
      <t>ヤマキタマチ</t>
    </rPh>
    <rPh sb="35" eb="38">
      <t>カイセイマチ</t>
    </rPh>
    <rPh sb="43" eb="46">
      <t>マナヅルマチ</t>
    </rPh>
    <rPh sb="47" eb="51">
      <t>ユガワラマチ</t>
    </rPh>
    <rPh sb="53" eb="55">
      <t>ザイジュウ</t>
    </rPh>
    <rPh sb="56" eb="58">
      <t>ザイキン</t>
    </rPh>
    <rPh sb="59" eb="61">
      <t>ザイガク</t>
    </rPh>
    <rPh sb="61" eb="62">
      <t>シャ</t>
    </rPh>
    <phoneticPr fontId="2"/>
  </si>
  <si>
    <t>施設利用者は最初の1時間無料、超過した分は有料</t>
  </si>
  <si>
    <t>月火水木金土日</t>
    <rPh sb="0" eb="1">
      <t>ゲツ</t>
    </rPh>
    <rPh sb="1" eb="2">
      <t>ヒ</t>
    </rPh>
    <rPh sb="2" eb="3">
      <t>スイ</t>
    </rPh>
    <rPh sb="3" eb="4">
      <t>モク</t>
    </rPh>
    <rPh sb="4" eb="5">
      <t>キン</t>
    </rPh>
    <rPh sb="5" eb="6">
      <t>ド</t>
    </rPh>
    <rPh sb="6" eb="7">
      <t>ヒ</t>
    </rPh>
    <phoneticPr fontId="2"/>
  </si>
  <si>
    <t>年末年始（12月28日～１月４日）※館内清掃等による臨時休館あり</t>
    <rPh sb="0" eb="2">
      <t>ネンマツ</t>
    </rPh>
    <rPh sb="2" eb="4">
      <t>ネンシ</t>
    </rPh>
    <rPh sb="7" eb="8">
      <t>ガツ</t>
    </rPh>
    <rPh sb="10" eb="11">
      <t>ニチ</t>
    </rPh>
    <rPh sb="13" eb="14">
      <t>ガツ</t>
    </rPh>
    <rPh sb="15" eb="16">
      <t>ニチ</t>
    </rPh>
    <rPh sb="18" eb="20">
      <t>カンナイ</t>
    </rPh>
    <rPh sb="20" eb="22">
      <t>セイソウ</t>
    </rPh>
    <rPh sb="22" eb="23">
      <t>トウ</t>
    </rPh>
    <rPh sb="26" eb="28">
      <t>リンジ</t>
    </rPh>
    <rPh sb="28" eb="30">
      <t>キュウカン</t>
    </rPh>
    <phoneticPr fontId="2"/>
  </si>
  <si>
    <t>http://www.town.kiyokawa.kanagawa.jp/soshiki/kyoikuinkai/413.html</t>
    <phoneticPr fontId="2"/>
  </si>
  <si>
    <t>小田急  本厚木駅  神奈中バス　宮ヶ瀬行・上煤ヶ谷行  清川村役場下車  徒歩2分。※P：38台（無料）（うち障がい者用3台）</t>
    <phoneticPr fontId="2"/>
  </si>
  <si>
    <t>キヨカワムラトショカン</t>
    <phoneticPr fontId="2"/>
  </si>
  <si>
    <t>神奈川県綾瀬市深谷中1-3-1</t>
    <rPh sb="0" eb="4">
      <t>カナガワケン</t>
    </rPh>
    <rPh sb="4" eb="7">
      <t>アヤセシ</t>
    </rPh>
    <rPh sb="7" eb="9">
      <t>フカヤ</t>
    </rPh>
    <rPh sb="9" eb="10">
      <t>ナカ</t>
    </rPh>
    <phoneticPr fontId="2"/>
  </si>
  <si>
    <t>土・日・祝 9：00～17：00。定期休館日：月曜日（祝日は除く）、第2木曜日、年末年始、資料総点検期間。</t>
    <rPh sb="45" eb="47">
      <t>シリョウ</t>
    </rPh>
    <rPh sb="47" eb="50">
      <t>ソウテンケン</t>
    </rPh>
    <phoneticPr fontId="2"/>
  </si>
  <si>
    <t>JR・横浜市営地下鉄  桜木町駅  徒歩10分。京浜急行線  日ノ出町駅  徒歩13分。みなとみらい線  みなとみらい駅  徒歩20分。P：隣接公共駐車場を利用（31台、有料）。</t>
    <rPh sb="25" eb="26">
      <t>ハマ</t>
    </rPh>
    <rPh sb="27" eb="28">
      <t>イ</t>
    </rPh>
    <rPh sb="28" eb="29">
      <t>セン</t>
    </rPh>
    <phoneticPr fontId="2"/>
  </si>
  <si>
    <t>普通車１５分までは無料、以降３０分ごとに２００円。</t>
    <rPh sb="5" eb="6">
      <t>フン</t>
    </rPh>
    <rPh sb="9" eb="11">
      <t>ムリョウ</t>
    </rPh>
    <rPh sb="12" eb="14">
      <t>イコウ</t>
    </rPh>
    <phoneticPr fontId="2"/>
  </si>
  <si>
    <t>神奈川県立川崎図書館</t>
    <phoneticPr fontId="2"/>
  </si>
  <si>
    <t>カナガワケンリツカワサキトショカン</t>
    <phoneticPr fontId="2"/>
  </si>
  <si>
    <t>月火水木金土</t>
    <rPh sb="0" eb="1">
      <t>ゲツ</t>
    </rPh>
    <phoneticPr fontId="2"/>
  </si>
  <si>
    <t>横浜市・鎌倉市・逗子市・三浦市・葉山町に在住・在勤</t>
    <rPh sb="0" eb="3">
      <t>ヨコハマシ</t>
    </rPh>
    <rPh sb="4" eb="7">
      <t>カマクラシ</t>
    </rPh>
    <rPh sb="8" eb="11">
      <t>ズシシ</t>
    </rPh>
    <rPh sb="12" eb="14">
      <t>ミウラ</t>
    </rPh>
    <rPh sb="14" eb="15">
      <t>シ</t>
    </rPh>
    <rPh sb="16" eb="19">
      <t>ハヤママチ</t>
    </rPh>
    <rPh sb="20" eb="22">
      <t>ザイジュウ</t>
    </rPh>
    <rPh sb="23" eb="25">
      <t>ザイキン</t>
    </rPh>
    <phoneticPr fontId="2"/>
  </si>
  <si>
    <t>大和市立中央林間図書館</t>
    <rPh sb="0" eb="4">
      <t>ヤマトシリツ</t>
    </rPh>
    <rPh sb="4" eb="8">
      <t>チュウオウリンカン</t>
    </rPh>
    <rPh sb="8" eb="11">
      <t>トショカン</t>
    </rPh>
    <phoneticPr fontId="2"/>
  </si>
  <si>
    <t>大和市中央林間４－１２－１</t>
    <rPh sb="0" eb="3">
      <t>ヤマトシ</t>
    </rPh>
    <rPh sb="3" eb="7">
      <t>チュウオウリンカン</t>
    </rPh>
    <phoneticPr fontId="2"/>
  </si>
  <si>
    <t>定期休館日：年末年始（12/31、1/1）</t>
  </si>
  <si>
    <t>https://www.yamatolib-chuorinkan.jp/</t>
  </si>
  <si>
    <t>大和市立渋谷図書館</t>
    <rPh sb="0" eb="3">
      <t>ヤマトシ</t>
    </rPh>
    <rPh sb="3" eb="4">
      <t>リツ</t>
    </rPh>
    <rPh sb="4" eb="6">
      <t>シブヤ</t>
    </rPh>
    <rPh sb="6" eb="9">
      <t>トショカン</t>
    </rPh>
    <phoneticPr fontId="2"/>
  </si>
  <si>
    <t>大和市渋谷５－２２</t>
    <rPh sb="0" eb="3">
      <t>ヤマトシ</t>
    </rPh>
    <rPh sb="3" eb="5">
      <t>シブヤ</t>
    </rPh>
    <phoneticPr fontId="2"/>
  </si>
  <si>
    <t>1400000085</t>
    <phoneticPr fontId="2"/>
  </si>
  <si>
    <t>1400000086</t>
    <phoneticPr fontId="2"/>
  </si>
  <si>
    <t>神奈川県</t>
  </si>
  <si>
    <t>伊勢原市</t>
  </si>
  <si>
    <t>イセハラシリツトショカン</t>
  </si>
  <si>
    <t>図書館</t>
  </si>
  <si>
    <t>0463-92-3500</t>
  </si>
  <si>
    <t>土日祝日は9:00～17：00。定期休館日：月曜日・第1水曜日、休日の翌日。（休日の翌日が土、日、月に当たる場合は翌週の火曜日）、年末年始、特別整理期間。</t>
  </si>
  <si>
    <t>0歳～</t>
  </si>
  <si>
    <t>無料</t>
  </si>
  <si>
    <t>エビナシリツチュウオウトショカン</t>
    <phoneticPr fontId="2"/>
  </si>
  <si>
    <t>046-231-5152</t>
    <phoneticPr fontId="2"/>
  </si>
  <si>
    <t>3010001005556,2120001077107</t>
    <phoneticPr fontId="2"/>
  </si>
  <si>
    <t>日本国内に居住されている方</t>
    <rPh sb="0" eb="2">
      <t>ニホン</t>
    </rPh>
    <rPh sb="2" eb="4">
      <t>コクナイ</t>
    </rPh>
    <rPh sb="5" eb="7">
      <t>キョジュウ</t>
    </rPh>
    <rPh sb="12" eb="13">
      <t>カタ</t>
    </rPh>
    <phoneticPr fontId="2"/>
  </si>
  <si>
    <t>０歳から</t>
    <rPh sb="1" eb="2">
      <t>サイ</t>
    </rPh>
    <phoneticPr fontId="2"/>
  </si>
  <si>
    <t>エビナシリツアリマトショカン</t>
    <phoneticPr fontId="2"/>
  </si>
  <si>
    <t>046-238-4646</t>
    <phoneticPr fontId="2"/>
  </si>
  <si>
    <t>定期休館日：毎月最終月曜日（祝日の場合は、翌日）、年末年始、特別整理期間。</t>
    <phoneticPr fontId="2"/>
  </si>
  <si>
    <t>252-0028</t>
    <phoneticPr fontId="2"/>
  </si>
  <si>
    <t>神奈川県座間市入谷東一丁目3番1号</t>
    <rPh sb="9" eb="10">
      <t>ヒガシ</t>
    </rPh>
    <rPh sb="10" eb="13">
      <t>イッチョウメ</t>
    </rPh>
    <rPh sb="14" eb="15">
      <t>バン</t>
    </rPh>
    <rPh sb="16" eb="17">
      <t>ゴウ</t>
    </rPh>
    <phoneticPr fontId="2"/>
  </si>
  <si>
    <t>3000020142166</t>
    <phoneticPr fontId="2"/>
  </si>
  <si>
    <t>土・日・祝 9：00～17：00。定期休館日：月曜日（休日の場合は翌日）、第 1金曜日、年末年始、特別整理期間。</t>
    <phoneticPr fontId="2"/>
  </si>
  <si>
    <t>http://www.library.zama.kanagawa.jp/</t>
    <phoneticPr fontId="2"/>
  </si>
  <si>
    <t>小田急  相武台前駅  徒歩18分、バス  市役所谷戸山公園前下車  徒歩1分。P：41台・障がい者用1台（無料）</t>
    <phoneticPr fontId="2"/>
  </si>
  <si>
    <t>http://www.town.hayama.lg.jp/library/</t>
  </si>
  <si>
    <t>JR  寒川駅  徒歩10分。P：施設全体で16台、うち障がい者用2台（無料）。近隣に町施設駐車場有り（無料）</t>
    <rPh sb="49" eb="50">
      <t>ア</t>
    </rPh>
    <phoneticPr fontId="2"/>
  </si>
  <si>
    <t>258-8502</t>
    <phoneticPr fontId="2"/>
  </si>
  <si>
    <t>マナヅルトショカン</t>
  </si>
  <si>
    <t>0465-68-6326</t>
  </si>
  <si>
    <t>定期休館日：月曜日（休日の場合開館、翌火曜日休館）、年末年始、特別整理期間。</t>
  </si>
  <si>
    <t>図書：14、視聴覚資料：7</t>
  </si>
  <si>
    <t>火水木金土日</t>
    <phoneticPr fontId="2"/>
  </si>
  <si>
    <t>https://www.city.yokohama.lg.jp/kurashi/kyodo-manabi/library/</t>
  </si>
  <si>
    <t>30分ごとに200円（最初の30分は減免、8:00～24:00）</t>
    <rPh sb="2" eb="3">
      <t>フン</t>
    </rPh>
    <rPh sb="11" eb="13">
      <t>サイショ</t>
    </rPh>
    <rPh sb="16" eb="17">
      <t>フン</t>
    </rPh>
    <rPh sb="18" eb="20">
      <t>ゲンメン</t>
    </rPh>
    <phoneticPr fontId="2"/>
  </si>
  <si>
    <t>カワサキシリツカワサキトショカン</t>
    <phoneticPr fontId="2"/>
  </si>
  <si>
    <t>https://www.library.city.kawasaki.jp/lib01.shtml</t>
    <phoneticPr fontId="2"/>
  </si>
  <si>
    <t>https://www.library.city.kawasaki.jp/lib02.shtml</t>
  </si>
  <si>
    <t>https://www.library.city.kawasaki.jp/lib03.shtml</t>
  </si>
  <si>
    <t>https://www.library.city.kawasaki.jp/lib04.shtml</t>
  </si>
  <si>
    <t>https://www.library.city.kawasaki.jp/lib05.shtml</t>
  </si>
  <si>
    <t>044-822-2413</t>
    <phoneticPr fontId="2"/>
  </si>
  <si>
    <t>https://www.library.city.kawasaki.jp/lib07.shtml</t>
  </si>
  <si>
    <t>https://www.library.city.kawasaki.jp/lib08.shtml</t>
  </si>
  <si>
    <t>https://www.library.city.kawasaki.jp/lib09.shtml</t>
  </si>
  <si>
    <t>https://www.library.city.kawasaki.jp/lib10.shtml</t>
  </si>
  <si>
    <t>カワサキシリツアサオトショカン</t>
  </si>
  <si>
    <t>044-951-1305</t>
  </si>
  <si>
    <t>https://www.library.city.kawasaki.jp/lib11.shtml</t>
  </si>
  <si>
    <t>川崎市立麻生図書館柿生分館</t>
  </si>
  <si>
    <t>カワサキシリツアサオトショカンカキオブンカン</t>
  </si>
  <si>
    <t>044-986-6470</t>
  </si>
  <si>
    <t>https://www.library.city.kawasaki.jp/lib12.shtml</t>
  </si>
  <si>
    <t>https://www.lib.sagamihara.kanagawa.jp/</t>
    <phoneticPr fontId="2"/>
  </si>
  <si>
    <t>046-835-2872</t>
    <phoneticPr fontId="2"/>
  </si>
  <si>
    <t>http://www.lib.city.hiratsuka.kanagawa.jp/</t>
    <phoneticPr fontId="2"/>
  </si>
  <si>
    <t>平塚市に在住・在勤・在学の方。秦野市・伊勢原市・大磯町・二宮町・茅ヶ崎市・厚木市に在住の方。</t>
    <phoneticPr fontId="2"/>
  </si>
  <si>
    <t>神奈川県</t>
    <rPh sb="0" eb="4">
      <t>カナガワケン</t>
    </rPh>
    <phoneticPr fontId="23"/>
  </si>
  <si>
    <t>鎌倉市</t>
    <rPh sb="0" eb="3">
      <t>カマクラシ</t>
    </rPh>
    <phoneticPr fontId="23"/>
  </si>
  <si>
    <t>カマクラシチュウオウトショカン</t>
  </si>
  <si>
    <t>図書館</t>
    <rPh sb="0" eb="3">
      <t>トショカン</t>
    </rPh>
    <phoneticPr fontId="23"/>
  </si>
  <si>
    <t>0467-25-2611</t>
  </si>
  <si>
    <t>https://chulib@city.kamakura.kanagawa.jp</t>
    <phoneticPr fontId="23"/>
  </si>
  <si>
    <t>藤沢市・逗子市・三浦市・横須賀市・葉山町・横浜市に在住</t>
    <rPh sb="0" eb="3">
      <t>フジサワシ</t>
    </rPh>
    <rPh sb="4" eb="7">
      <t>ズシシ</t>
    </rPh>
    <rPh sb="8" eb="10">
      <t>ミウラ</t>
    </rPh>
    <rPh sb="10" eb="11">
      <t>シ</t>
    </rPh>
    <rPh sb="12" eb="16">
      <t>ヨコスカシ</t>
    </rPh>
    <rPh sb="17" eb="20">
      <t>ハヤママチ</t>
    </rPh>
    <rPh sb="21" eb="24">
      <t>ヨコハマシ</t>
    </rPh>
    <rPh sb="25" eb="27">
      <t>ザイジュウ</t>
    </rPh>
    <phoneticPr fontId="23"/>
  </si>
  <si>
    <t>URLは鎌倉市内5館共通</t>
    <rPh sb="4" eb="6">
      <t>カマクラ</t>
    </rPh>
    <phoneticPr fontId="23"/>
  </si>
  <si>
    <t>カマクラシコシゴエトショカン</t>
  </si>
  <si>
    <t>0467-33-0711</t>
  </si>
  <si>
    <t>カマクラシフカサワトショカン</t>
  </si>
  <si>
    <t>0467-48-0022</t>
  </si>
  <si>
    <t>カマクラシオオフナトショカン</t>
  </si>
  <si>
    <t>0467-45-7710</t>
  </si>
  <si>
    <t>カマクラシタマナワトショカン</t>
  </si>
  <si>
    <t>0467-44-2218</t>
  </si>
  <si>
    <t>月火水木金土日</t>
    <phoneticPr fontId="2"/>
  </si>
  <si>
    <t>https://www.yamatolib-shibuya.jp/</t>
  </si>
  <si>
    <t>おはなし会（読み聞かせ）（毎週土曜日）。おひざにだっこのおはなし会（読み聞かせ）（毎月第1日曜日、第4水曜日）</t>
    <rPh sb="4" eb="5">
      <t>カイ</t>
    </rPh>
    <rPh sb="13" eb="15">
      <t>マイシュウ</t>
    </rPh>
    <rPh sb="41" eb="43">
      <t>マイツキ</t>
    </rPh>
    <rPh sb="43" eb="44">
      <t>ダイ</t>
    </rPh>
    <rPh sb="45" eb="48">
      <t>ニチヨウビ</t>
    </rPh>
    <phoneticPr fontId="2"/>
  </si>
  <si>
    <t>中井町農村環境改善センター図書室</t>
    <rPh sb="0" eb="13">
      <t>ナ</t>
    </rPh>
    <phoneticPr fontId="6"/>
  </si>
  <si>
    <t>ナカイマチノウソンカンキョウカイゼンセンタートショシツ</t>
    <phoneticPr fontId="2"/>
  </si>
  <si>
    <t>259-0197</t>
    <phoneticPr fontId="2"/>
  </si>
  <si>
    <t>神奈川県足柄上郡中井町比奈窪56</t>
    <rPh sb="11" eb="14">
      <t>ヒ</t>
    </rPh>
    <phoneticPr fontId="2"/>
  </si>
  <si>
    <t>定期休館日：祝日、第3日曜日、年末年始</t>
    <rPh sb="9" eb="10">
      <t>ダイ</t>
    </rPh>
    <rPh sb="11" eb="14">
      <t>ニチヨウビ</t>
    </rPh>
    <phoneticPr fontId="2"/>
  </si>
  <si>
    <t>2400000097</t>
  </si>
  <si>
    <t>2500000099</t>
    <phoneticPr fontId="2"/>
  </si>
  <si>
    <t>2800000102</t>
    <phoneticPr fontId="2"/>
  </si>
  <si>
    <t>3000000104</t>
    <phoneticPr fontId="2"/>
  </si>
  <si>
    <t>3300000107</t>
    <phoneticPr fontId="2"/>
  </si>
  <si>
    <t>https://www.lib.city.fujisawa.kanagawa.jp/</t>
    <phoneticPr fontId="2"/>
  </si>
  <si>
    <t>相模原市、厚木市、海老名市、座間市、綾瀬市、愛川町、清川村、秦野市、伊勢原市、横浜市、藤沢市、町田市</t>
    <rPh sb="0" eb="4">
      <t>サガミハラシ</t>
    </rPh>
    <rPh sb="5" eb="8">
      <t>アツギシ</t>
    </rPh>
    <rPh sb="9" eb="13">
      <t>エビナシ</t>
    </rPh>
    <rPh sb="14" eb="17">
      <t>ザマシ</t>
    </rPh>
    <rPh sb="18" eb="21">
      <t>アヤセシ</t>
    </rPh>
    <rPh sb="22" eb="25">
      <t>アイカワマチ</t>
    </rPh>
    <rPh sb="26" eb="28">
      <t>キヨカワ</t>
    </rPh>
    <rPh sb="28" eb="29">
      <t>ムラ</t>
    </rPh>
    <rPh sb="39" eb="42">
      <t>ヨコハマシ</t>
    </rPh>
    <rPh sb="43" eb="46">
      <t>フジサワシ</t>
    </rPh>
    <rPh sb="47" eb="50">
      <t>マチダシ</t>
    </rPh>
    <phoneticPr fontId="1"/>
  </si>
  <si>
    <t>相模原市、厚木市、海老名市、座間市、綾瀬市、愛川町、清川村、秦野市、伊勢原市、横浜市、藤沢市、町田市</t>
    <rPh sb="0" eb="4">
      <t>サガミハラシ</t>
    </rPh>
    <rPh sb="5" eb="8">
      <t>アツギシ</t>
    </rPh>
    <rPh sb="9" eb="13">
      <t>エビナシ</t>
    </rPh>
    <rPh sb="14" eb="17">
      <t>ザマシ</t>
    </rPh>
    <rPh sb="18" eb="21">
      <t>アヤセシ</t>
    </rPh>
    <rPh sb="22" eb="25">
      <t>アイカワマチ</t>
    </rPh>
    <rPh sb="26" eb="28">
      <t>キヨカワ</t>
    </rPh>
    <rPh sb="28" eb="29">
      <t>ムラ</t>
    </rPh>
    <rPh sb="39" eb="42">
      <t>ヨコハマシ</t>
    </rPh>
    <rPh sb="43" eb="46">
      <t>フジサワシ</t>
    </rPh>
    <phoneticPr fontId="1"/>
  </si>
  <si>
    <t>定期休館日：年末年始（12/29～1/3）、毎月最終月曜日（休日の場合はその前の週）</t>
    <rPh sb="30" eb="31">
      <t>キュウ</t>
    </rPh>
    <phoneticPr fontId="2"/>
  </si>
  <si>
    <t>定期休館日：月曜日、第1木曜日、年末年始、特別整理日。</t>
    <rPh sb="14" eb="15">
      <t>ヒ</t>
    </rPh>
    <phoneticPr fontId="2"/>
  </si>
  <si>
    <t>都道府県コード</t>
    <rPh sb="0" eb="4">
      <t>トドウフケン</t>
    </rPh>
    <phoneticPr fontId="2"/>
  </si>
  <si>
    <t>都道府県名</t>
    <rPh sb="0" eb="4">
      <t>トドウフケン</t>
    </rPh>
    <rPh sb="4" eb="5">
      <t>メイ</t>
    </rPh>
    <phoneticPr fontId="2"/>
  </si>
  <si>
    <t>No</t>
    <phoneticPr fontId="2"/>
  </si>
  <si>
    <t>最終更新日</t>
    <rPh sb="0" eb="2">
      <t>サイシュウ</t>
    </rPh>
    <rPh sb="2" eb="5">
      <t>コウシンビ</t>
    </rPh>
    <phoneticPr fontId="2"/>
  </si>
  <si>
    <t>0000000001</t>
    <phoneticPr fontId="2"/>
  </si>
  <si>
    <t>カナガワケンリツトショカン</t>
    <phoneticPr fontId="2"/>
  </si>
  <si>
    <t>044-299-7825</t>
    <phoneticPr fontId="2"/>
  </si>
  <si>
    <t>ヨコスカシリツチュウオウトショカン</t>
    <phoneticPr fontId="2"/>
  </si>
  <si>
    <t>ヨコスカシリツキタトショカン</t>
    <phoneticPr fontId="2"/>
  </si>
  <si>
    <t>046-836-0718</t>
    <phoneticPr fontId="2"/>
  </si>
  <si>
    <t>237-0076</t>
    <phoneticPr fontId="2"/>
  </si>
  <si>
    <t>ヘミコミュニティセンタートショシツ</t>
    <phoneticPr fontId="2"/>
  </si>
  <si>
    <t>キヌガサコミュニティセンタートショシツ</t>
    <phoneticPr fontId="2"/>
  </si>
  <si>
    <t>神奈川県横須賀市公郷町２-11</t>
    <phoneticPr fontId="2"/>
  </si>
  <si>
    <t>239-0808</t>
    <phoneticPr fontId="2"/>
  </si>
  <si>
    <t>046-841-4184</t>
    <phoneticPr fontId="2"/>
  </si>
  <si>
    <t>238-0316</t>
    <phoneticPr fontId="2"/>
  </si>
  <si>
    <t>火水木金土日</t>
    <phoneticPr fontId="23"/>
  </si>
  <si>
    <t>ハダノシリツトショカン</t>
    <phoneticPr fontId="2"/>
  </si>
  <si>
    <t>0463-81-7012</t>
    <phoneticPr fontId="2"/>
  </si>
  <si>
    <t>https://library-hadano.jp/</t>
    <phoneticPr fontId="2"/>
  </si>
  <si>
    <t>えびな学びコンソーシアム</t>
    <rPh sb="3" eb="4">
      <t>マナ</t>
    </rPh>
    <phoneticPr fontId="2"/>
  </si>
  <si>
    <t>アヤセシリツトショカン</t>
    <phoneticPr fontId="2"/>
  </si>
  <si>
    <t>252-1107</t>
    <phoneticPr fontId="2"/>
  </si>
  <si>
    <t>0467-77-8191</t>
    <phoneticPr fontId="2"/>
  </si>
  <si>
    <t>https://www.ayaselib.jp</t>
    <phoneticPr fontId="2"/>
  </si>
  <si>
    <t>0465-81-3907</t>
    <phoneticPr fontId="2"/>
  </si>
  <si>
    <t>定期休館日：月曜日、年末年始、蔵書点検（６月）</t>
    <rPh sb="15" eb="17">
      <t>ゾウショ</t>
    </rPh>
    <rPh sb="17" eb="19">
      <t>テンケン</t>
    </rPh>
    <rPh sb="21" eb="22">
      <t>ガツ</t>
    </rPh>
    <phoneticPr fontId="2"/>
  </si>
  <si>
    <t>ヤマキタチョウリツショウガイガクシュウセンター</t>
    <phoneticPr fontId="2"/>
  </si>
  <si>
    <t>0465-20-4742</t>
    <phoneticPr fontId="2"/>
  </si>
  <si>
    <t>https://ilisod003.apsel.jp/kaiseitown-lib/</t>
    <phoneticPr fontId="2"/>
  </si>
  <si>
    <t>046-288-3895</t>
    <phoneticPr fontId="2"/>
  </si>
  <si>
    <t>3100000105</t>
    <phoneticPr fontId="2"/>
  </si>
  <si>
    <t>定期休館日：月曜日（祝日の場合は翌日休館）、毎月1日、祝日の翌日、年末年始、特別整理期間。</t>
    <phoneticPr fontId="2"/>
  </si>
  <si>
    <t>書籍：14、ビデオやＣＤ等の視聴覚資料及び雑誌：7</t>
    <rPh sb="0" eb="2">
      <t>ショセキ</t>
    </rPh>
    <phoneticPr fontId="1"/>
  </si>
  <si>
    <t>0467-87-1001</t>
    <phoneticPr fontId="2"/>
  </si>
  <si>
    <t>https://www.lib.chigasaki.kanagawa.jp/</t>
    <phoneticPr fontId="2"/>
  </si>
  <si>
    <t>茅ヶ崎市立図書館香川分館</t>
    <phoneticPr fontId="6"/>
  </si>
  <si>
    <t>チガサキシリツトショカンカガワブンカン</t>
    <phoneticPr fontId="2"/>
  </si>
  <si>
    <t>0467-51-4946</t>
    <phoneticPr fontId="2"/>
  </si>
  <si>
    <t>JR  茅ヶ崎駅  神奈中バス  鶴が台団地行終点下車徒歩5分。P：公民館等と併設（無料5台）</t>
    <phoneticPr fontId="2"/>
  </si>
  <si>
    <t>ヤマトシリツチュウオウリンカントショカン</t>
    <phoneticPr fontId="2"/>
  </si>
  <si>
    <t>044-200-7011</t>
    <phoneticPr fontId="2"/>
  </si>
  <si>
    <t>川崎市立川崎図書館大師分館</t>
    <phoneticPr fontId="6"/>
  </si>
  <si>
    <t>カワサキシリツカワサキトショカンダイシブンカン</t>
    <phoneticPr fontId="2"/>
  </si>
  <si>
    <t>044-266-3550</t>
    <phoneticPr fontId="2"/>
  </si>
  <si>
    <t>川崎市立川崎図書館田島分館</t>
    <phoneticPr fontId="6"/>
  </si>
  <si>
    <t>カワサキシリツカワサキトショカンタジマブンカン</t>
    <phoneticPr fontId="2"/>
  </si>
  <si>
    <t>044-333-9120</t>
    <phoneticPr fontId="2"/>
  </si>
  <si>
    <t>稲城市・狛江市・町田市・横浜市のいずれかに在住の方（町田市民・横浜市民の方は予約サービスはご利用いただけません）。</t>
    <phoneticPr fontId="2"/>
  </si>
  <si>
    <t>カワサキシリツサイワイトショカン</t>
  </si>
  <si>
    <t>044-541-3915</t>
  </si>
  <si>
    <t>川崎市立幸図書館日吉分館</t>
  </si>
  <si>
    <t>カワサキシリツサイワイトショカンヒヨシブンカン</t>
  </si>
  <si>
    <t>044-587-1491</t>
  </si>
  <si>
    <t>カワサキシリツナカハラトショカン</t>
  </si>
  <si>
    <t>044-722-4932</t>
  </si>
  <si>
    <t>https://www.library.city.kawasaki.jp/</t>
    <phoneticPr fontId="2"/>
  </si>
  <si>
    <t>・稲城市・狛江市・町田市・横浜市のいずれかに在住の方（町田市民・横浜市民の方は予約サービスはご利用いただけません）。</t>
  </si>
  <si>
    <t>川崎市立高津図書館</t>
    <phoneticPr fontId="2"/>
  </si>
  <si>
    <t>カワサキシリツタカツトショカン</t>
    <phoneticPr fontId="2"/>
  </si>
  <si>
    <t>川崎市立高津図書館橘分館</t>
  </si>
  <si>
    <t>カワサキシリツタカツトショカンタチバナブンカン</t>
  </si>
  <si>
    <t>044-788-1531</t>
  </si>
  <si>
    <t>カワサキシリツミヤマエトショカン</t>
  </si>
  <si>
    <t>044-888-3918</t>
  </si>
  <si>
    <t>カワサキシリツタマトショカン</t>
  </si>
  <si>
    <t>044-935-3400</t>
  </si>
  <si>
    <t>0465-49-7800</t>
    <phoneticPr fontId="2"/>
  </si>
  <si>
    <t>http://www.city.odawara.kanagawa.jp/public-i/facilities/library/</t>
    <phoneticPr fontId="2"/>
  </si>
  <si>
    <t>小田原市立小田原駅東口図書館</t>
    <rPh sb="0" eb="5">
      <t>オダワラシリツ</t>
    </rPh>
    <rPh sb="5" eb="8">
      <t>オダワラ</t>
    </rPh>
    <rPh sb="8" eb="9">
      <t>エキ</t>
    </rPh>
    <rPh sb="9" eb="11">
      <t>ヒガシグチ</t>
    </rPh>
    <rPh sb="11" eb="14">
      <t>トショカン</t>
    </rPh>
    <phoneticPr fontId="2"/>
  </si>
  <si>
    <t>オダワラシリツオダワラエキヒガシグチトショカン</t>
    <phoneticPr fontId="2"/>
  </si>
  <si>
    <t>250-0011</t>
    <phoneticPr fontId="2"/>
  </si>
  <si>
    <t>神奈川県小田原市栄町1-1-15</t>
    <rPh sb="4" eb="8">
      <t>オダワラシ</t>
    </rPh>
    <rPh sb="8" eb="9">
      <t>サカエ</t>
    </rPh>
    <rPh sb="9" eb="10">
      <t>チョウ</t>
    </rPh>
    <phoneticPr fontId="2"/>
  </si>
  <si>
    <t>0465-20-5577</t>
    <phoneticPr fontId="2"/>
  </si>
  <si>
    <t>https://ohigashi-lib.jp</t>
    <phoneticPr fontId="2"/>
  </si>
  <si>
    <t>0800000065</t>
    <phoneticPr fontId="2"/>
  </si>
  <si>
    <t>046-871-5998</t>
    <phoneticPr fontId="2"/>
  </si>
  <si>
    <t>逗子市立図書館小坪分室</t>
    <phoneticPr fontId="6"/>
  </si>
  <si>
    <t>0467-24-6726</t>
    <phoneticPr fontId="2"/>
  </si>
  <si>
    <t>046-255-3315</t>
    <phoneticPr fontId="2"/>
  </si>
  <si>
    <t>0300000035</t>
    <phoneticPr fontId="2"/>
  </si>
  <si>
    <t>サガミハラシリツハシモトトショカン</t>
    <phoneticPr fontId="2"/>
  </si>
  <si>
    <t>1000020141500</t>
    <phoneticPr fontId="2"/>
  </si>
  <si>
    <t>小田原市立中央図書館</t>
    <rPh sb="5" eb="7">
      <t>チュウオウ</t>
    </rPh>
    <phoneticPr fontId="2"/>
  </si>
  <si>
    <t>平日水・平日金のみ19:00まで開館。定期休館日：月曜日、国民の祝休日の翌日、成人の日、年末年始、特別整理期間、その他教育委員会が必要と認める臨時休館。</t>
    <rPh sb="0" eb="2">
      <t>ヘイジツ</t>
    </rPh>
    <rPh sb="2" eb="3">
      <t>スイ</t>
    </rPh>
    <rPh sb="4" eb="6">
      <t>ヘイジツ</t>
    </rPh>
    <rPh sb="6" eb="7">
      <t>キン</t>
    </rPh>
    <rPh sb="16" eb="18">
      <t>カイカン</t>
    </rPh>
    <phoneticPr fontId="2"/>
  </si>
  <si>
    <t>図書館設置パソコンの利用は電子ジャーナル・データベースの利用に限る</t>
    <rPh sb="0" eb="3">
      <t>トショカン</t>
    </rPh>
    <rPh sb="3" eb="5">
      <t>セッチ</t>
    </rPh>
    <rPh sb="10" eb="12">
      <t>リヨウ</t>
    </rPh>
    <rPh sb="13" eb="15">
      <t>デンシ</t>
    </rPh>
    <rPh sb="28" eb="30">
      <t>リヨウ</t>
    </rPh>
    <rPh sb="31" eb="32">
      <t>カギ</t>
    </rPh>
    <phoneticPr fontId="2"/>
  </si>
  <si>
    <t>213-0012</t>
    <phoneticPr fontId="2"/>
  </si>
  <si>
    <t>0463-31-0428</t>
    <phoneticPr fontId="2"/>
  </si>
  <si>
    <t>0466-43-1111</t>
    <phoneticPr fontId="2"/>
  </si>
  <si>
    <t>フジサワシミナミシミントショカン</t>
    <phoneticPr fontId="2"/>
  </si>
  <si>
    <t>0466-27-1044</t>
    <phoneticPr fontId="2"/>
  </si>
  <si>
    <t>0466-35-0028</t>
    <phoneticPr fontId="2"/>
  </si>
  <si>
    <t>フジサワシショウナンオオバシミントショカン</t>
    <phoneticPr fontId="2"/>
  </si>
  <si>
    <t>0466-86-1666</t>
    <phoneticPr fontId="2"/>
  </si>
  <si>
    <t>チガサキシリツトショカン</t>
    <phoneticPr fontId="2"/>
  </si>
  <si>
    <t>https://www.lib.chigasaki.kanagawa.jp/</t>
    <phoneticPr fontId="2"/>
  </si>
  <si>
    <t>JR  茅ヶ崎駅  徒歩5分。P：障がい者用2台（無料）</t>
    <phoneticPr fontId="2"/>
  </si>
  <si>
    <t>ズシシリツトショカン</t>
    <phoneticPr fontId="2"/>
  </si>
  <si>
    <t>月水木金土日</t>
    <phoneticPr fontId="2"/>
  </si>
  <si>
    <t>http://www.library.city.zushi.lg.jp/</t>
    <phoneticPr fontId="2"/>
  </si>
  <si>
    <t>0歳～</t>
    <phoneticPr fontId="2"/>
  </si>
  <si>
    <t>ズシシリツトショカンコツボブンシツ</t>
    <phoneticPr fontId="2"/>
  </si>
  <si>
    <t>定期休館日：火曜日（祝日の時は開館し、翌日休館）、1月4日、年末年始、特別整理期間。</t>
    <phoneticPr fontId="2"/>
  </si>
  <si>
    <t>逗子市立図書館沼間分室</t>
    <phoneticPr fontId="6"/>
  </si>
  <si>
    <t>ズシシリツトショカンヌママブンシツ</t>
    <phoneticPr fontId="2"/>
  </si>
  <si>
    <t>046-872-3618</t>
    <phoneticPr fontId="2"/>
  </si>
  <si>
    <t>046-882-1111</t>
    <phoneticPr fontId="2"/>
  </si>
  <si>
    <t>http://www.city.miura.kanagawa.jp/tosho/toshokan.html</t>
    <phoneticPr fontId="2"/>
  </si>
  <si>
    <t>三浦市図書館南下浦分館</t>
    <phoneticPr fontId="6"/>
  </si>
  <si>
    <t>ミウラシトショカンミナミシタウラブンカン</t>
    <phoneticPr fontId="2"/>
  </si>
  <si>
    <t>図書館利用者は無料</t>
    <phoneticPr fontId="2"/>
  </si>
  <si>
    <t>三浦市図書館初声分館</t>
    <phoneticPr fontId="6"/>
  </si>
  <si>
    <t>ミウラシトショカンハッセブンカン</t>
    <phoneticPr fontId="2"/>
  </si>
  <si>
    <t>046-888-6111</t>
    <phoneticPr fontId="2"/>
  </si>
  <si>
    <t>大和市立図書館</t>
    <phoneticPr fontId="2"/>
  </si>
  <si>
    <t>ヤマトシリツトショカン</t>
    <phoneticPr fontId="2"/>
  </si>
  <si>
    <t>242-0016</t>
    <phoneticPr fontId="2"/>
  </si>
  <si>
    <t>046-263-0211</t>
    <phoneticPr fontId="2"/>
  </si>
  <si>
    <t>242-0007</t>
    <phoneticPr fontId="2"/>
  </si>
  <si>
    <t>046-277-8030</t>
    <phoneticPr fontId="2"/>
  </si>
  <si>
    <t>ヤマトシリツシブヤトショカン</t>
    <phoneticPr fontId="2"/>
  </si>
  <si>
    <t>242-0023</t>
    <phoneticPr fontId="2"/>
  </si>
  <si>
    <t>046-267-2741</t>
    <phoneticPr fontId="2"/>
  </si>
  <si>
    <t>・入居しているビルに有料駐車場あり。</t>
    <phoneticPr fontId="2"/>
  </si>
  <si>
    <t>1512a</t>
  </si>
  <si>
    <t>09:00</t>
  </si>
  <si>
    <t>19:00</t>
  </si>
  <si>
    <t>https://www.lib-isehara.jp/</t>
  </si>
  <si>
    <t>定期休館日：なし。年中無休。</t>
    <phoneticPr fontId="2"/>
  </si>
  <si>
    <t>0465-73-1251</t>
    <phoneticPr fontId="2"/>
  </si>
  <si>
    <t>http://lib.ed-minamiashigara.jp/</t>
    <phoneticPr fontId="2"/>
  </si>
  <si>
    <t>ハヤマチョウリツトショカン</t>
    <phoneticPr fontId="2"/>
  </si>
  <si>
    <t>046-875-0088</t>
    <phoneticPr fontId="2"/>
  </si>
  <si>
    <t>サムカワソウゴウトショカン</t>
    <phoneticPr fontId="2"/>
  </si>
  <si>
    <t>0467-75-3615</t>
    <phoneticPr fontId="2"/>
  </si>
  <si>
    <t>土・日・祝 9：00～17：00。定期休館日：月曜日（祝日は開館）、年末年始、特別整理期間。</t>
    <phoneticPr fontId="2"/>
  </si>
  <si>
    <t>ニノミヤマチトショカン</t>
    <phoneticPr fontId="2"/>
  </si>
  <si>
    <t>0463-72-6913</t>
    <phoneticPr fontId="2"/>
  </si>
  <si>
    <t>https://www.ninomiya-public-library.jp/</t>
    <phoneticPr fontId="2"/>
  </si>
  <si>
    <t>図書館の利用者は1時間まで無料。1時間以降は30分ごとに100円加算</t>
    <phoneticPr fontId="2"/>
  </si>
  <si>
    <t>中井町立井ノ口公民館図書室</t>
    <phoneticPr fontId="6"/>
  </si>
  <si>
    <t>259-0151</t>
    <phoneticPr fontId="2"/>
  </si>
  <si>
    <t>神奈川県足柄上郡中井町井ノ口1843-1</t>
    <phoneticPr fontId="2"/>
  </si>
  <si>
    <t>0465-81-3311</t>
    <phoneticPr fontId="2"/>
  </si>
  <si>
    <t>https://www.town.nakai.kanagawa.jp/soshiki/inokuchikominkan/kokyoshisetsuannai/532.html</t>
  </si>
  <si>
    <t>https://www.town.nakai.kanagawa.jp/soshiki/shogaigakushukashogaigakushuhan/kokyoshisetsuannai/679.html</t>
  </si>
  <si>
    <t>2600000100</t>
    <phoneticPr fontId="2"/>
  </si>
  <si>
    <t>マツダマチトショカン</t>
    <phoneticPr fontId="2"/>
  </si>
  <si>
    <t>0465-83-7024</t>
    <phoneticPr fontId="2"/>
  </si>
  <si>
    <t>http://www.lib-matsuda-kanagawa.jp/</t>
    <phoneticPr fontId="2"/>
  </si>
  <si>
    <t>ボランティアによる読み聞かせ（週１回）職員による読み聞かせ（月1回）</t>
    <rPh sb="15" eb="16">
      <t>シュウ</t>
    </rPh>
    <rPh sb="17" eb="18">
      <t>カイ</t>
    </rPh>
    <rPh sb="19" eb="21">
      <t>ショクイン</t>
    </rPh>
    <rPh sb="24" eb="25">
      <t>ヨ</t>
    </rPh>
    <rPh sb="26" eb="27">
      <t>キ</t>
    </rPh>
    <rPh sb="30" eb="31">
      <t>ツキ</t>
    </rPh>
    <rPh sb="32" eb="33">
      <t>カイ</t>
    </rPh>
    <phoneticPr fontId="2"/>
  </si>
  <si>
    <t>2700000101</t>
    <phoneticPr fontId="2"/>
  </si>
  <si>
    <t>山北町立生涯学習センター図書室</t>
    <phoneticPr fontId="6"/>
  </si>
  <si>
    <t>0465-75-3131</t>
    <phoneticPr fontId="2"/>
  </si>
  <si>
    <t>定期休館日：月曜日、祝日の翌日（土日を除く）、年末年始、特別整理期間。</t>
    <phoneticPr fontId="2"/>
  </si>
  <si>
    <t>2900000103</t>
    <phoneticPr fontId="2"/>
  </si>
  <si>
    <t>箱根町社会教育センター図書室</t>
    <phoneticPr fontId="6"/>
  </si>
  <si>
    <t>ハコネマチシャカイキョウイクセンタートショシツ</t>
    <phoneticPr fontId="2"/>
  </si>
  <si>
    <t>0460-82-2694</t>
    <phoneticPr fontId="2"/>
  </si>
  <si>
    <t>http://www.library-hakone-kanagawa.jp</t>
    <phoneticPr fontId="2"/>
  </si>
  <si>
    <t>サガミハラシリツトショカン</t>
    <phoneticPr fontId="2"/>
  </si>
  <si>
    <t>042-754-3604</t>
    <phoneticPr fontId="2"/>
  </si>
  <si>
    <t>サガミハラシリツトショカンソウブダイブンカン</t>
    <phoneticPr fontId="2"/>
  </si>
  <si>
    <t>定期休館日：月曜日、第2木曜日（1月及び4月を除く）、年末年始、蔵書点検期間。※ただし、月曜日及び第２木曜日が祝日の場合は開館し、翌日が休館。</t>
    <phoneticPr fontId="2"/>
  </si>
  <si>
    <t>相模原市立相模大野図書館</t>
    <phoneticPr fontId="2"/>
  </si>
  <si>
    <t>サガミハラシリツサガミオオノトショカン</t>
    <phoneticPr fontId="2"/>
  </si>
  <si>
    <t>042-749-2244</t>
    <phoneticPr fontId="2"/>
  </si>
  <si>
    <t>046-822-2202</t>
    <phoneticPr fontId="2"/>
  </si>
  <si>
    <t>ヨコスカシリツジドウトショカン</t>
    <phoneticPr fontId="2"/>
  </si>
  <si>
    <t>046-825-4417</t>
    <phoneticPr fontId="2"/>
  </si>
  <si>
    <t>046-866-0516</t>
    <phoneticPr fontId="2"/>
  </si>
  <si>
    <t>ヨコスカシリツミナミトショカン</t>
    <phoneticPr fontId="2"/>
  </si>
  <si>
    <t>タウラコミュニティセンタートショシツ</t>
    <phoneticPr fontId="2"/>
  </si>
  <si>
    <t>神奈川県横須賀市船越町６-77</t>
    <phoneticPr fontId="2"/>
  </si>
  <si>
    <t>046-861-9007</t>
    <phoneticPr fontId="2"/>
  </si>
  <si>
    <t>238-0045</t>
    <phoneticPr fontId="2"/>
  </si>
  <si>
    <t>神奈川県横須賀市東逸見町２-29</t>
    <phoneticPr fontId="2"/>
  </si>
  <si>
    <t>046-823-3205</t>
    <phoneticPr fontId="2"/>
  </si>
  <si>
    <t>238-0022</t>
    <phoneticPr fontId="2"/>
  </si>
  <si>
    <t>046-852-3596</t>
    <phoneticPr fontId="2"/>
  </si>
  <si>
    <t>オオツコミュニティセンタートショシツ</t>
    <phoneticPr fontId="2"/>
  </si>
  <si>
    <t>神奈川県横須賀市大津町３-34-40</t>
    <phoneticPr fontId="2"/>
  </si>
  <si>
    <t>ウラガコミュニティセンタートショシツ</t>
    <phoneticPr fontId="2"/>
  </si>
  <si>
    <t>239-0822</t>
    <phoneticPr fontId="2"/>
  </si>
  <si>
    <t>神奈川県横須賀市浦賀５-１-２</t>
    <phoneticPr fontId="2"/>
  </si>
  <si>
    <t>キタシタウラコミュニティセンタートショシツ</t>
    <phoneticPr fontId="2"/>
  </si>
  <si>
    <t>239-0842</t>
    <phoneticPr fontId="2"/>
  </si>
  <si>
    <t>神奈川県横須賀市長沢２-７-７</t>
    <phoneticPr fontId="2"/>
  </si>
  <si>
    <t>046-849-2866</t>
    <phoneticPr fontId="2"/>
  </si>
  <si>
    <t>ニシコミュニティセンタートショシツ</t>
    <phoneticPr fontId="2"/>
  </si>
  <si>
    <t>240-0101</t>
    <phoneticPr fontId="2"/>
  </si>
  <si>
    <t>神奈川県横須賀市長坂１-２-２</t>
    <phoneticPr fontId="2"/>
  </si>
  <si>
    <t>046-857-0896</t>
    <phoneticPr fontId="2"/>
  </si>
  <si>
    <t>タケヤマコミュニティセンタートショシツ</t>
    <phoneticPr fontId="2"/>
  </si>
  <si>
    <t>238-0313</t>
    <phoneticPr fontId="2"/>
  </si>
  <si>
    <t>神奈川県横須賀市武３-５-１</t>
    <phoneticPr fontId="2"/>
  </si>
  <si>
    <t>046-857-1600</t>
    <phoneticPr fontId="2"/>
  </si>
  <si>
    <t>ナガイコミュニティセンタートショシツ</t>
    <phoneticPr fontId="2"/>
  </si>
  <si>
    <t>神奈川県横須賀市長井５-16-５</t>
    <phoneticPr fontId="2"/>
  </si>
  <si>
    <t>046-856-3123</t>
    <phoneticPr fontId="2"/>
  </si>
  <si>
    <t>中央図書館</t>
    <phoneticPr fontId="2"/>
  </si>
  <si>
    <t>046-223-0033</t>
    <phoneticPr fontId="2"/>
  </si>
  <si>
    <t>https://www.city.atsugi.kanagawa.jp/bunka_sports/kominkan_toshokan/13/index.html</t>
    <phoneticPr fontId="2"/>
  </si>
  <si>
    <t>厚木市に在勤・在学、又は相模原市、秦野市、大和市、伊勢原市、海老名市、座間市、綾瀬市、愛川町、清川村、平塚市のいずれかに在住の方。</t>
    <phoneticPr fontId="2"/>
  </si>
  <si>
    <t>エチキタコウミンカントショシツ</t>
    <phoneticPr fontId="2"/>
  </si>
  <si>
    <t>243-0801</t>
    <phoneticPr fontId="2"/>
  </si>
  <si>
    <t>神奈川県厚木市上依知1313-1</t>
    <phoneticPr fontId="2"/>
  </si>
  <si>
    <t>046-246-3375</t>
    <phoneticPr fontId="2"/>
  </si>
  <si>
    <t>https://www.city.atsugi.kanagawa.jp/bunka_sports/kominkan_toshokan/13/4/18597.html</t>
    <phoneticPr fontId="2"/>
  </si>
  <si>
    <t>ムツアイキタコウミンカントショシツ</t>
    <phoneticPr fontId="2"/>
  </si>
  <si>
    <t>243-0211</t>
    <phoneticPr fontId="2"/>
  </si>
  <si>
    <t>神奈川県厚木市三田2735-1</t>
    <phoneticPr fontId="2"/>
  </si>
  <si>
    <t>https://www.city.atsugi.kanagawa.jp/bunka_sports/kominkan_toshokan/13/4/18598.html</t>
    <phoneticPr fontId="2"/>
  </si>
  <si>
    <t>コアユコウミンカントショシツ</t>
    <phoneticPr fontId="2"/>
  </si>
  <si>
    <t>046-242-1403</t>
    <phoneticPr fontId="2"/>
  </si>
  <si>
    <t>https://www.city.atsugi.kanagawa.jp/bunka_sports/kominkan_toshokan/13/4/18599.html</t>
    <phoneticPr fontId="2"/>
  </si>
  <si>
    <t>オギノコウミンカントショシツ</t>
    <phoneticPr fontId="2"/>
  </si>
  <si>
    <t>243-0202</t>
    <phoneticPr fontId="2"/>
  </si>
  <si>
    <t>神奈川県厚木市中荻野594-1</t>
    <phoneticPr fontId="2"/>
  </si>
  <si>
    <t>046-242-8403</t>
    <phoneticPr fontId="2"/>
  </si>
  <si>
    <t>https://www.city.atsugi.kanagawa.jp/bunka_sports/kominkan_toshokan/13/4/18600.html</t>
    <phoneticPr fontId="2"/>
  </si>
  <si>
    <t>モリノサトコウミンカントショシツ</t>
    <phoneticPr fontId="2"/>
  </si>
  <si>
    <t>243-0122</t>
    <phoneticPr fontId="2"/>
  </si>
  <si>
    <t>046-248-4558</t>
    <phoneticPr fontId="2"/>
  </si>
  <si>
    <t>https://www.city.atsugi.kanagawa.jp/bunka_sports/kominkan_toshokan/13/4/18601.html</t>
    <phoneticPr fontId="2"/>
  </si>
  <si>
    <t>タマガワコウミンカントショシツ</t>
    <phoneticPr fontId="2"/>
  </si>
  <si>
    <t>243-0121</t>
    <phoneticPr fontId="2"/>
  </si>
  <si>
    <t>神奈川県厚木市七沢175-6</t>
    <phoneticPr fontId="2"/>
  </si>
  <si>
    <t>046-250-8559</t>
    <phoneticPr fontId="2"/>
  </si>
  <si>
    <t>https://www.city.atsugi.kanagawa.jp/bunka_sports/kominkan_toshokan/13/4/18602.html</t>
    <phoneticPr fontId="2"/>
  </si>
  <si>
    <t>アイカワコウミンカントショシツ</t>
    <phoneticPr fontId="2"/>
  </si>
  <si>
    <t>243-0026</t>
    <phoneticPr fontId="2"/>
  </si>
  <si>
    <t>神奈川県厚木市下津古久703-2</t>
    <phoneticPr fontId="2"/>
  </si>
  <si>
    <t>046-229-5281</t>
    <phoneticPr fontId="2"/>
  </si>
  <si>
    <t>https://www.city.atsugi.kanagawa.jp/bunka_sports/kominkan_toshokan/13/4/18603.html</t>
    <phoneticPr fontId="2"/>
  </si>
  <si>
    <t>ムツアイニシコウミンカントショシツ</t>
    <phoneticPr fontId="2"/>
  </si>
  <si>
    <t>243-0212</t>
    <phoneticPr fontId="2"/>
  </si>
  <si>
    <t>神奈川県厚木市及川667</t>
    <phoneticPr fontId="2"/>
  </si>
  <si>
    <t>046-241-9501</t>
    <phoneticPr fontId="2"/>
  </si>
  <si>
    <t>https://www.city.atsugi.kanagawa.jp/bunka_sports/kominkan_toshokan/13/4/18604.html</t>
    <phoneticPr fontId="2"/>
  </si>
  <si>
    <t>ナンモウリコウミンカントショシツ</t>
    <phoneticPr fontId="2"/>
  </si>
  <si>
    <t>243-0039</t>
    <phoneticPr fontId="2"/>
  </si>
  <si>
    <t>神奈川県厚木市温水西１丁目17-1</t>
    <phoneticPr fontId="2"/>
  </si>
  <si>
    <t>046-250-5133</t>
    <phoneticPr fontId="2"/>
  </si>
  <si>
    <t>https://www.city.atsugi.kanagawa.jp/bunka_sports/kominkan_toshokan/13/4/18605.html</t>
    <phoneticPr fontId="2"/>
  </si>
  <si>
    <t>3200000106</t>
    <phoneticPr fontId="2"/>
  </si>
  <si>
    <t>アイカワマチトショカン</t>
    <phoneticPr fontId="2"/>
  </si>
  <si>
    <t>243-0301</t>
    <phoneticPr fontId="2"/>
  </si>
  <si>
    <t>046-285-6963</t>
    <phoneticPr fontId="2"/>
  </si>
  <si>
    <t>定期休館日：火曜日、毎月1日、年末年始、特別整理期間。</t>
    <phoneticPr fontId="2"/>
  </si>
  <si>
    <t>ヨコハマシチュウオウトショカン</t>
    <phoneticPr fontId="2"/>
  </si>
  <si>
    <t>https://www.city.yokohama.lg.jp/kurashi/kyodo-manabi/library/</t>
    <phoneticPr fontId="2"/>
  </si>
  <si>
    <t>ヨコハマシツルミトショカン</t>
    <phoneticPr fontId="2"/>
  </si>
  <si>
    <t>神奈川県横浜市鶴見区鶴見中央2-10-7</t>
    <phoneticPr fontId="2"/>
  </si>
  <si>
    <t>ヨコハマシカナガワトショカン</t>
    <phoneticPr fontId="2"/>
  </si>
  <si>
    <t>ヨコハマシナカトショカン</t>
    <phoneticPr fontId="2"/>
  </si>
  <si>
    <t>ヨコハマシミナミトショカン</t>
    <phoneticPr fontId="2"/>
  </si>
  <si>
    <t>https://www.city.yokohama.lg.jp/kurashi/kyodo-manabi/library/tshokan/minami/</t>
    <phoneticPr fontId="2"/>
  </si>
  <si>
    <t>ヨコハマシコウナントショカン</t>
    <phoneticPr fontId="2"/>
  </si>
  <si>
    <t>ヨコハマシホドガヤトショカン</t>
    <phoneticPr fontId="2"/>
  </si>
  <si>
    <t>ヨコハマシアサヒトショカン</t>
    <phoneticPr fontId="2"/>
  </si>
  <si>
    <t>ヨコハマシイソゴトショカン</t>
    <phoneticPr fontId="2"/>
  </si>
  <si>
    <t>ヨコハマシカナザワトショカン</t>
    <phoneticPr fontId="2"/>
  </si>
  <si>
    <t>ヨコハマシコウホクトショカン</t>
    <phoneticPr fontId="2"/>
  </si>
  <si>
    <t>ヨコハマシミドリトショカン</t>
    <phoneticPr fontId="2"/>
  </si>
  <si>
    <t>ヨコハマシツヅキトショカン</t>
    <phoneticPr fontId="2"/>
  </si>
  <si>
    <t>ヨコハマシトツカトショカン</t>
    <phoneticPr fontId="2"/>
  </si>
  <si>
    <t>ヨコハマシサカエトショカン</t>
    <phoneticPr fontId="2"/>
  </si>
  <si>
    <t>ヨコハマシイズミトショカン</t>
    <phoneticPr fontId="2"/>
  </si>
  <si>
    <t>神奈川県横浜市泉区和泉町6207-5</t>
    <phoneticPr fontId="2"/>
  </si>
  <si>
    <t>ヨコハマシセヤトショカン</t>
    <phoneticPr fontId="2"/>
  </si>
  <si>
    <t>2500000098</t>
    <phoneticPr fontId="2"/>
  </si>
  <si>
    <t>・おはなし会（小学校低学年まで対象：毎月第1・3水曜日、第2・4土曜日）。指定場所に限り水分補給のみ可。絵本の蔵書数は2022年3月31日現在</t>
    <rPh sb="5" eb="6">
      <t>カイ</t>
    </rPh>
    <rPh sb="7" eb="10">
      <t>ショウガッコウ</t>
    </rPh>
    <rPh sb="10" eb="13">
      <t>テイガクネン</t>
    </rPh>
    <rPh sb="15" eb="17">
      <t>タイショウ</t>
    </rPh>
    <rPh sb="18" eb="20">
      <t>マイツキ</t>
    </rPh>
    <rPh sb="20" eb="21">
      <t>ダイ</t>
    </rPh>
    <rPh sb="24" eb="27">
      <t>スイヨウビ</t>
    </rPh>
    <rPh sb="28" eb="29">
      <t>ダイ</t>
    </rPh>
    <rPh sb="32" eb="35">
      <t>ドヨウビ</t>
    </rPh>
    <phoneticPr fontId="2"/>
  </si>
  <si>
    <t>授乳室はありませんが、随時そのためのスペースを確保しますのでお申し出ください。飲食コーナーは現在使用できません。</t>
    <rPh sb="39" eb="41">
      <t>インショク</t>
    </rPh>
    <rPh sb="46" eb="48">
      <t>ゲンザイ</t>
    </rPh>
    <rPh sb="48" eb="50">
      <t>シヨウ</t>
    </rPh>
    <phoneticPr fontId="2"/>
  </si>
  <si>
    <t>ボランティアによる読み聞かせ（月2回程度）。その他講座有り</t>
    <phoneticPr fontId="2"/>
  </si>
  <si>
    <t>定期休館日：月曜日（但し、祝日は開館、翌日以降の平日に振替）、年末年始、特別整理期間。</t>
    <rPh sb="10" eb="11">
      <t>タダ</t>
    </rPh>
    <rPh sb="19" eb="21">
      <t>ヨクジツ</t>
    </rPh>
    <rPh sb="21" eb="23">
      <t>イコウ</t>
    </rPh>
    <rPh sb="24" eb="26">
      <t>ヘイジツ</t>
    </rPh>
    <rPh sb="27" eb="29">
      <t>フリカエ</t>
    </rPh>
    <phoneticPr fontId="2"/>
  </si>
  <si>
    <t>小田急  新松田駅  箱根登山バス  関本行、四ツ角下車  徒歩1分</t>
    <phoneticPr fontId="2"/>
  </si>
  <si>
    <t>年齢不問(ただし本人による手続が必要)</t>
    <phoneticPr fontId="2"/>
  </si>
  <si>
    <t>児童書：42131</t>
    <phoneticPr fontId="2"/>
  </si>
  <si>
    <t>・絵本の蔵書数（R5/4/1）は見込</t>
    <rPh sb="1" eb="3">
      <t>エホン</t>
    </rPh>
    <rPh sb="4" eb="6">
      <t>ゾウショ</t>
    </rPh>
    <rPh sb="6" eb="7">
      <t>スウ</t>
    </rPh>
    <rPh sb="16" eb="18">
      <t>ミコミ</t>
    </rPh>
    <phoneticPr fontId="2"/>
  </si>
  <si>
    <t>・絵本の蔵書数（R5/4/1）は見込</t>
    <phoneticPr fontId="2"/>
  </si>
  <si>
    <t>・絵本の蔵書数（R5/4/1）は見込（BM含む）</t>
    <rPh sb="1" eb="3">
      <t>エホン</t>
    </rPh>
    <rPh sb="4" eb="6">
      <t>ゾウショ</t>
    </rPh>
    <rPh sb="6" eb="7">
      <t>スウ</t>
    </rPh>
    <rPh sb="16" eb="18">
      <t>ミコミ</t>
    </rPh>
    <rPh sb="21" eb="22">
      <t>フク</t>
    </rPh>
    <phoneticPr fontId="2"/>
  </si>
  <si>
    <t>・絵本の蔵書数（R5/4/1）は見込（菅閲覧所含む）</t>
    <rPh sb="1" eb="3">
      <t>エホン</t>
    </rPh>
    <rPh sb="4" eb="6">
      <t>ゾウショ</t>
    </rPh>
    <rPh sb="6" eb="7">
      <t>スウ</t>
    </rPh>
    <rPh sb="16" eb="18">
      <t>ミコミ</t>
    </rPh>
    <rPh sb="19" eb="23">
      <t>スゲエツランジョ</t>
    </rPh>
    <rPh sb="23" eb="24">
      <t>フク</t>
    </rPh>
    <phoneticPr fontId="2"/>
  </si>
  <si>
    <t>・絵本の蔵書数（R5/4/1）は速報値</t>
    <rPh sb="1" eb="3">
      <t>エホン</t>
    </rPh>
    <rPh sb="4" eb="6">
      <t>ゾウショ</t>
    </rPh>
    <rPh sb="6" eb="7">
      <t>スウ</t>
    </rPh>
    <rPh sb="16" eb="19">
      <t>ソクホウチ</t>
    </rPh>
    <phoneticPr fontId="2"/>
  </si>
  <si>
    <t>相模原市立図書館</t>
    <phoneticPr fontId="2"/>
  </si>
  <si>
    <t>令和４年10月から建物解体により休館中</t>
    <phoneticPr fontId="2"/>
  </si>
  <si>
    <t>絵本の蔵書数は令和５年２月時点</t>
    <rPh sb="7" eb="9">
      <t>レイワ</t>
    </rPh>
    <rPh sb="10" eb="11">
      <t>ネン</t>
    </rPh>
    <rPh sb="12" eb="13">
      <t>ガツ</t>
    </rPh>
    <rPh sb="13" eb="15">
      <t>ジテン</t>
    </rPh>
    <phoneticPr fontId="2"/>
  </si>
  <si>
    <t>絵本の蔵書数は2023年2月28日現在</t>
    <phoneticPr fontId="2"/>
  </si>
  <si>
    <t>海老名市立門沢橋コミュニティセンターとの複合施設</t>
    <rPh sb="0" eb="4">
      <t>エビナシ</t>
    </rPh>
    <rPh sb="4" eb="5">
      <t>リツ</t>
    </rPh>
    <rPh sb="5" eb="8">
      <t>カドサワバシ</t>
    </rPh>
    <rPh sb="20" eb="22">
      <t>フクゴウ</t>
    </rPh>
    <rPh sb="22" eb="24">
      <t>シセツ</t>
    </rPh>
    <phoneticPr fontId="2"/>
  </si>
  <si>
    <t>オオイソチョウリツトショカン</t>
  </si>
  <si>
    <t>0463-61-3002</t>
  </si>
  <si>
    <t>https://oiso-lib.scn-net.ne.jp</t>
    <phoneticPr fontId="2"/>
  </si>
  <si>
    <t>大磯町立図書館国府分館</t>
  </si>
  <si>
    <t>オオイソチョウリツトショカンコクフブンカン</t>
  </si>
  <si>
    <t>0463-71-9977</t>
  </si>
  <si>
    <t>0465-83-5401</t>
    <phoneticPr fontId="2"/>
  </si>
  <si>
    <t>0465-85-1887</t>
    <phoneticPr fontId="2"/>
  </si>
  <si>
    <t>0歳～。ただし、小学生以下は保護者が申請する。</t>
    <rPh sb="1" eb="2">
      <t>サイ</t>
    </rPh>
    <rPh sb="8" eb="11">
      <t>ショウガクセイ</t>
    </rPh>
    <rPh sb="11" eb="13">
      <t>イカ</t>
    </rPh>
    <rPh sb="14" eb="17">
      <t>ホゴシャ</t>
    </rPh>
    <rPh sb="18" eb="20">
      <t>シンセイ</t>
    </rPh>
    <phoneticPr fontId="2"/>
  </si>
  <si>
    <t>小田急江ノ島線高座渋谷駅１分</t>
    <rPh sb="0" eb="3">
      <t>オダキュウ</t>
    </rPh>
    <rPh sb="3" eb="4">
      <t>エ</t>
    </rPh>
    <rPh sb="5" eb="6">
      <t>シマ</t>
    </rPh>
    <rPh sb="6" eb="7">
      <t>セン</t>
    </rPh>
    <rPh sb="7" eb="12">
      <t>コウザシブヤエキ</t>
    </rPh>
    <rPh sb="13" eb="14">
      <t>フン</t>
    </rPh>
    <phoneticPr fontId="1"/>
  </si>
  <si>
    <t>https://www.klnet.pref.kanagawa.jp</t>
    <phoneticPr fontId="2"/>
  </si>
  <si>
    <t>横浜市に在勤・在学、又は川崎市、横須賀市、鎌倉市、藤沢市、逗子市、大和市、町田市のいずれかに在住の方。</t>
    <rPh sb="0" eb="3">
      <t>ヨコハマシ</t>
    </rPh>
    <rPh sb="4" eb="6">
      <t>ザイキン</t>
    </rPh>
    <rPh sb="7" eb="9">
      <t>ザイガク</t>
    </rPh>
    <rPh sb="10" eb="11">
      <t>マタ</t>
    </rPh>
    <rPh sb="16" eb="20">
      <t>ヨコスカシ</t>
    </rPh>
    <rPh sb="25" eb="28">
      <t>フジサワシ</t>
    </rPh>
    <rPh sb="29" eb="31">
      <t>ズシ</t>
    </rPh>
    <rPh sb="31" eb="32">
      <t>シ</t>
    </rPh>
    <rPh sb="37" eb="40">
      <t>マチダシ</t>
    </rPh>
    <rPh sb="46" eb="48">
      <t>ザイジュウ</t>
    </rPh>
    <rPh sb="49" eb="50">
      <t>カタ</t>
    </rPh>
    <phoneticPr fontId="2"/>
  </si>
  <si>
    <t>042-770-6600</t>
    <phoneticPr fontId="2"/>
  </si>
  <si>
    <t>251-8570</t>
    <phoneticPr fontId="2"/>
  </si>
  <si>
    <t>オダワラシリツチュウオウトショカン</t>
    <phoneticPr fontId="2"/>
  </si>
  <si>
    <t>秦野市に在勤・在学、又は広域利用協定を締結した自治体(相模原市、平塚市、厚木市、大和市、伊勢原市、海老名市、座間市、南足柄市、綾瀬市、大磯町、二宮町、中井町、大井町、松田町、山北町、開成町、愛川町、清川村)のいずれかに在住の方。東海大学の学生・教職員</t>
    <rPh sb="0" eb="3">
      <t>ハダノシ</t>
    </rPh>
    <rPh sb="4" eb="6">
      <t>ザイキン</t>
    </rPh>
    <rPh sb="7" eb="9">
      <t>ザイガク</t>
    </rPh>
    <rPh sb="10" eb="11">
      <t>マタ</t>
    </rPh>
    <rPh sb="12" eb="14">
      <t>コウイキ</t>
    </rPh>
    <rPh sb="14" eb="16">
      <t>リヨウ</t>
    </rPh>
    <rPh sb="16" eb="18">
      <t>キョウテイ</t>
    </rPh>
    <rPh sb="19" eb="21">
      <t>テイケツ</t>
    </rPh>
    <rPh sb="23" eb="26">
      <t>ジチタイ</t>
    </rPh>
    <rPh sb="27" eb="31">
      <t>サガミハラシ</t>
    </rPh>
    <rPh sb="32" eb="35">
      <t>ヒラツカシ</t>
    </rPh>
    <rPh sb="36" eb="39">
      <t>アツギシ</t>
    </rPh>
    <rPh sb="40" eb="43">
      <t>ヤマトシ</t>
    </rPh>
    <rPh sb="44" eb="48">
      <t>イセハラシ</t>
    </rPh>
    <rPh sb="49" eb="53">
      <t>エビナシ</t>
    </rPh>
    <rPh sb="54" eb="57">
      <t>ザマシ</t>
    </rPh>
    <rPh sb="58" eb="62">
      <t>ミナミアシガラシ</t>
    </rPh>
    <rPh sb="63" eb="66">
      <t>アヤセシ</t>
    </rPh>
    <rPh sb="67" eb="70">
      <t>オオイソマチ</t>
    </rPh>
    <rPh sb="71" eb="74">
      <t>ニノミヤマチ</t>
    </rPh>
    <rPh sb="75" eb="78">
      <t>ナカイマチ</t>
    </rPh>
    <rPh sb="79" eb="81">
      <t>オオイ</t>
    </rPh>
    <rPh sb="81" eb="82">
      <t>マチ</t>
    </rPh>
    <rPh sb="83" eb="86">
      <t>マツダマチ</t>
    </rPh>
    <rPh sb="87" eb="90">
      <t>ヤマキタマチ</t>
    </rPh>
    <rPh sb="91" eb="94">
      <t>カイセイマチ</t>
    </rPh>
    <rPh sb="95" eb="98">
      <t>アイカワマチ</t>
    </rPh>
    <rPh sb="99" eb="102">
      <t>キヨカワムラ</t>
    </rPh>
    <rPh sb="109" eb="111">
      <t>ザイジュウ</t>
    </rPh>
    <rPh sb="112" eb="113">
      <t>カタ</t>
    </rPh>
    <rPh sb="114" eb="116">
      <t>トウカイ</t>
    </rPh>
    <rPh sb="116" eb="118">
      <t>ダイガク</t>
    </rPh>
    <rPh sb="119" eb="121">
      <t>ガクセイ</t>
    </rPh>
    <rPh sb="122" eb="125">
      <t>キョウショクイン</t>
    </rPh>
    <phoneticPr fontId="2"/>
  </si>
  <si>
    <t>243-0438</t>
    <phoneticPr fontId="2"/>
  </si>
  <si>
    <t>神奈川県海老名市めぐみ町7-1</t>
    <rPh sb="11" eb="12">
      <t>チョウ</t>
    </rPh>
    <phoneticPr fontId="2"/>
  </si>
  <si>
    <t>本：14、ＤＶＤ：7</t>
    <rPh sb="0" eb="1">
      <t>ホン</t>
    </rPh>
    <phoneticPr fontId="2"/>
  </si>
  <si>
    <r>
      <t>JR  湯河原駅  徒歩3分。P：6台、うち障がい者用1台（無料）。近隣の</t>
    </r>
    <r>
      <rPr>
        <sz val="11"/>
        <rFont val="ＭＳ 明朝"/>
        <family val="1"/>
        <charset val="128"/>
      </rPr>
      <t>町営有料駐車場２カ所、民営有料駐車場１カ所に駐車の場合、図書館資料の借受、図書館事業参加者に１時間（町営）・４０分（民営）の駐車券を付与</t>
    </r>
    <rPh sb="37" eb="39">
      <t>チョウエイ</t>
    </rPh>
    <rPh sb="46" eb="47">
      <t>ショ</t>
    </rPh>
    <rPh sb="48" eb="50">
      <t>ミンエイ</t>
    </rPh>
    <rPh sb="50" eb="52">
      <t>ユウリョウ</t>
    </rPh>
    <rPh sb="52" eb="55">
      <t>チュウシャジョウ</t>
    </rPh>
    <rPh sb="57" eb="58">
      <t>ショ</t>
    </rPh>
    <rPh sb="65" eb="68">
      <t>トショカン</t>
    </rPh>
    <rPh sb="68" eb="70">
      <t>シリョウ</t>
    </rPh>
    <rPh sb="71" eb="73">
      <t>カリウケ</t>
    </rPh>
    <rPh sb="74" eb="77">
      <t>トショカン</t>
    </rPh>
    <rPh sb="77" eb="79">
      <t>ジギョウ</t>
    </rPh>
    <rPh sb="79" eb="82">
      <t>サンカシャ</t>
    </rPh>
    <rPh sb="87" eb="89">
      <t>チョウエイ</t>
    </rPh>
    <rPh sb="93" eb="94">
      <t>フン</t>
    </rPh>
    <rPh sb="95" eb="97">
      <t>ミンエイ</t>
    </rPh>
    <phoneticPr fontId="2"/>
  </si>
  <si>
    <t>小田急  本厚木駅  神奈中バス　愛川バスセンター・上三増行  役場下車  徒歩1分。※P：66台（無料）</t>
    <phoneticPr fontId="2"/>
  </si>
  <si>
    <t>・おはなし会（2～3歳対象：毎月第1・第3水曜日、4～6歳対象：毎月第2土曜日、4歳～小学生対象：毎月第3日曜日）かみしばい会（毎月第1日曜日）。指定場所に限り水分補給のみ可。授乳室については、申し出があれば対応可。絵本の蔵書数は2022年3月31日現在</t>
    <rPh sb="5" eb="6">
      <t>カイ</t>
    </rPh>
    <rPh sb="10" eb="11">
      <t>サイ</t>
    </rPh>
    <rPh sb="11" eb="13">
      <t>タイショウ</t>
    </rPh>
    <rPh sb="14" eb="16">
      <t>マイツキ</t>
    </rPh>
    <rPh sb="16" eb="17">
      <t>ダイ</t>
    </rPh>
    <rPh sb="19" eb="20">
      <t>ダイ</t>
    </rPh>
    <rPh sb="21" eb="24">
      <t>スイヨウビ</t>
    </rPh>
    <rPh sb="28" eb="29">
      <t>サイ</t>
    </rPh>
    <rPh sb="29" eb="31">
      <t>タイショウ</t>
    </rPh>
    <rPh sb="32" eb="34">
      <t>マイツキ</t>
    </rPh>
    <rPh sb="34" eb="35">
      <t>ダイ</t>
    </rPh>
    <rPh sb="41" eb="42">
      <t>サイ</t>
    </rPh>
    <rPh sb="43" eb="46">
      <t>ショウガクセイ</t>
    </rPh>
    <rPh sb="46" eb="48">
      <t>タイショウ</t>
    </rPh>
    <rPh sb="49" eb="51">
      <t>マイツキ</t>
    </rPh>
    <rPh sb="51" eb="52">
      <t>ダイ</t>
    </rPh>
    <rPh sb="53" eb="56">
      <t>ニチヨウビ</t>
    </rPh>
    <rPh sb="62" eb="63">
      <t>カイ</t>
    </rPh>
    <rPh sb="64" eb="66">
      <t>マイツキ</t>
    </rPh>
    <rPh sb="66" eb="67">
      <t>ダイ</t>
    </rPh>
    <rPh sb="68" eb="70">
      <t>ニチヨウ</t>
    </rPh>
    <rPh sb="70" eb="71">
      <t>ビ</t>
    </rPh>
    <rPh sb="88" eb="90">
      <t>ジュニュウ</t>
    </rPh>
    <rPh sb="90" eb="91">
      <t>シツ</t>
    </rPh>
    <rPh sb="97" eb="98">
      <t>モウ</t>
    </rPh>
    <rPh sb="99" eb="100">
      <t>デ</t>
    </rPh>
    <rPh sb="104" eb="106">
      <t>タイオウ</t>
    </rPh>
    <rPh sb="106" eb="107">
      <t>カ</t>
    </rPh>
    <rPh sb="119" eb="120">
      <t>ネン</t>
    </rPh>
    <rPh sb="121" eb="122">
      <t>ガツ</t>
    </rPh>
    <rPh sb="124" eb="125">
      <t>ニチ</t>
    </rPh>
    <phoneticPr fontId="2"/>
  </si>
  <si>
    <t>箱根町に在勤・在学、または小田原市、南足柄市、真鶴町、湯河原町、大井町、開成町、中井町、松田町、山北町に在住の方。</t>
    <phoneticPr fontId="2"/>
  </si>
  <si>
    <t>書籍等の貸出期間（日数：貸出の翌日から起算）</t>
    <rPh sb="0" eb="2">
      <t>ショセキ</t>
    </rPh>
    <rPh sb="2" eb="3">
      <t>トウ</t>
    </rPh>
    <rPh sb="4" eb="6">
      <t>カシダシ</t>
    </rPh>
    <rPh sb="6" eb="8">
      <t>キカン</t>
    </rPh>
    <rPh sb="9" eb="11">
      <t>ニッスウ</t>
    </rPh>
    <rPh sb="12" eb="14">
      <t>カシダシ</t>
    </rPh>
    <rPh sb="15" eb="17">
      <t>ヨクジツ</t>
    </rPh>
    <rPh sb="19" eb="21">
      <t>キサン</t>
    </rPh>
    <phoneticPr fontId="2"/>
  </si>
  <si>
    <t>令和４年９月、新しく「本館」を開館「前川國男館」、「収蔵館」は、再整備に伴い改修工事中</t>
    <rPh sb="0" eb="2">
      <t>レイワ</t>
    </rPh>
    <rPh sb="3" eb="4">
      <t>ネン</t>
    </rPh>
    <rPh sb="5" eb="6">
      <t>ガツ</t>
    </rPh>
    <rPh sb="7" eb="8">
      <t>アタラ</t>
    </rPh>
    <rPh sb="11" eb="13">
      <t>ホンカン</t>
    </rPh>
    <rPh sb="15" eb="17">
      <t>カイカン</t>
    </rPh>
    <rPh sb="32" eb="35">
      <t>サイセイビ</t>
    </rPh>
    <rPh sb="36" eb="37">
      <t>トモナ</t>
    </rPh>
    <phoneticPr fontId="2"/>
  </si>
  <si>
    <t>年齢不問(ただし本人による手続が必要)</t>
    <rPh sb="0" eb="2">
      <t>ネンレイ</t>
    </rPh>
    <rPh sb="2" eb="4">
      <t>フモン</t>
    </rPh>
    <rPh sb="8" eb="10">
      <t>ホンニン</t>
    </rPh>
    <rPh sb="13" eb="15">
      <t>テツヅ</t>
    </rPh>
    <rPh sb="16" eb="18">
      <t>ヒツヨウ</t>
    </rPh>
    <phoneticPr fontId="2"/>
  </si>
  <si>
    <t>２０分ごとに１００円</t>
    <rPh sb="2" eb="3">
      <t>フン</t>
    </rPh>
    <rPh sb="9" eb="10">
      <t>エン</t>
    </rPh>
    <phoneticPr fontId="2"/>
  </si>
  <si>
    <t>神奈川県相模原市南区相模大野4-4-1（グリーンホール相模大野内）</t>
    <rPh sb="27" eb="31">
      <t>サガミオオノ</t>
    </rPh>
    <rPh sb="31" eb="32">
      <t>ナイ</t>
    </rPh>
    <phoneticPr fontId="2"/>
  </si>
  <si>
    <t>［市営駐車場］30分ごとに150円（平日6:00～24:00の間で、駐車時間が5時間を超えて10時間まで1,500円）</t>
    <rPh sb="1" eb="3">
      <t>シエイ</t>
    </rPh>
    <rPh sb="3" eb="6">
      <t>チュウシャジョウ</t>
    </rPh>
    <phoneticPr fontId="2"/>
  </si>
  <si>
    <t>・おはなし会(2～3歳対象：毎月第1・3水曜日、4～6歳対象：毎月第2・4水曜日)、ボランティアによるおはなし会。複合施設としての駐輪場あり。指定場所に限り水分補給のみ可。絵本読み聞かせスペースとして、おはなしのへやが児童フロア内にあり（写真No0300000035）。絵本の蔵書数は2022年3月31日現在※授乳可能の部屋・スペースは有り</t>
    <rPh sb="5" eb="6">
      <t>カイ</t>
    </rPh>
    <rPh sb="10" eb="11">
      <t>サイ</t>
    </rPh>
    <rPh sb="11" eb="13">
      <t>タイショウ</t>
    </rPh>
    <rPh sb="14" eb="16">
      <t>マイツキ</t>
    </rPh>
    <rPh sb="16" eb="17">
      <t>ダイ</t>
    </rPh>
    <rPh sb="20" eb="23">
      <t>スイヨウビ</t>
    </rPh>
    <rPh sb="27" eb="28">
      <t>サイ</t>
    </rPh>
    <rPh sb="28" eb="30">
      <t>タイショウ</t>
    </rPh>
    <rPh sb="31" eb="33">
      <t>マイツキ</t>
    </rPh>
    <rPh sb="33" eb="34">
      <t>ダイ</t>
    </rPh>
    <rPh sb="37" eb="40">
      <t>スイヨウビ</t>
    </rPh>
    <rPh sb="55" eb="56">
      <t>カイ</t>
    </rPh>
    <rPh sb="57" eb="59">
      <t>フクゴウ</t>
    </rPh>
    <rPh sb="59" eb="61">
      <t>シセツ</t>
    </rPh>
    <rPh sb="65" eb="68">
      <t>チュウリンジョウ</t>
    </rPh>
    <rPh sb="86" eb="88">
      <t>エホン</t>
    </rPh>
    <rPh sb="88" eb="89">
      <t>ヨ</t>
    </rPh>
    <rPh sb="90" eb="91">
      <t>キ</t>
    </rPh>
    <rPh sb="119" eb="121">
      <t>シャシン</t>
    </rPh>
    <rPh sb="155" eb="157">
      <t>ジュニュウ</t>
    </rPh>
    <rPh sb="157" eb="159">
      <t>カノウ</t>
    </rPh>
    <rPh sb="160" eb="162">
      <t>ヘヤ</t>
    </rPh>
    <rPh sb="168" eb="169">
      <t>ア</t>
    </rPh>
    <phoneticPr fontId="2"/>
  </si>
  <si>
    <t>神奈川県相模原市緑区橋本3-28-1（ミウィ橋本6階）</t>
    <rPh sb="22" eb="24">
      <t>ハシモト</t>
    </rPh>
    <rPh sb="25" eb="26">
      <t>カイ</t>
    </rPh>
    <phoneticPr fontId="2"/>
  </si>
  <si>
    <t>30分ごとに150円平日6:00～24:00の間で、駐車時間が5時間を超えて10時間まで1,500円</t>
  </si>
  <si>
    <t>定期休館日：月曜日・第4木曜日（祝日の場合は開館し、翌日休館）、年末年始、特別整理期間。</t>
  </si>
  <si>
    <t>市内在住・在勤・通学の方。横浜市・三浦・逗子・鎌倉市及び葉山町在住の方。本市に住民登録がなく、市内の特別養護老人ホーム等の社会福祉施設に入居している方。</t>
    <rPh sb="13" eb="16">
      <t>ヨコハマシ</t>
    </rPh>
    <phoneticPr fontId="2"/>
  </si>
  <si>
    <t>毎年２月中旬の文化まつりでリサイクル本を配布。</t>
    <rPh sb="0" eb="2">
      <t>マイトシ</t>
    </rPh>
    <rPh sb="3" eb="4">
      <t>ガツ</t>
    </rPh>
    <rPh sb="4" eb="6">
      <t>チュウジュン</t>
    </rPh>
    <rPh sb="7" eb="9">
      <t>ブンカ</t>
    </rPh>
    <rPh sb="18" eb="19">
      <t>ボン</t>
    </rPh>
    <rPh sb="20" eb="22">
      <t>ハイフ</t>
    </rPh>
    <phoneticPr fontId="2"/>
  </si>
  <si>
    <t>定期休館日：月曜日（祝日の場合は開館し、翌火曜日休館）、年末年始、特別整理期間。※市内小中学校の夏休み期間中の月曜日は開館。</t>
  </si>
  <si>
    <t>定期休館日：月曜日（祝日の場合は開館し、翌火曜日休館）、年末年始、特別整理期間。※市内小中学校の夏休み期間中の月曜日は開館。</t>
    <rPh sb="41" eb="43">
      <t>シナイ</t>
    </rPh>
    <rPh sb="43" eb="47">
      <t>ショウチュウガッコウ</t>
    </rPh>
    <rPh sb="48" eb="50">
      <t>ナツヤス</t>
    </rPh>
    <rPh sb="51" eb="53">
      <t>キカン</t>
    </rPh>
    <rPh sb="53" eb="54">
      <t>チュウ</t>
    </rPh>
    <rPh sb="55" eb="58">
      <t>ゲツヨウビ</t>
    </rPh>
    <rPh sb="59" eb="61">
      <t>カイカン</t>
    </rPh>
    <phoneticPr fontId="2"/>
  </si>
  <si>
    <t>神奈川県藤沢市南藤沢21-1ＯＤＡＫＹＵ湘南ＧＡＴＥ6階</t>
  </si>
  <si>
    <t>絵本の蔵書数は令和５年２月時点絵本の蔵書数は、休館中の南下浦分館の分を含みます。</t>
    <rPh sb="7" eb="9">
      <t>レイワ</t>
    </rPh>
    <rPh sb="23" eb="26">
      <t>キュウカンチュウ</t>
    </rPh>
    <rPh sb="27" eb="32">
      <t>ミナミシタウラブンカン</t>
    </rPh>
    <phoneticPr fontId="2"/>
  </si>
  <si>
    <t>絵本の蔵書数は、公民館図書室（11館）に配本している分を含みます。・おはなし会(毎月第１～4土曜日ほか)・赤ちゃんといっしょのおはなし会(毎月第1金曜日）・英語のおはなし会（毎月第4土曜日）・ブックスタート（月2回）・子ども向け映画会（月1回程度）・こどもの読書フェア（毎年こどもの読書週間）・絵本とおはなしの講座、児童文学講座、子ども読書活動推進事業講演会、朗読コンサート（各年１回）・夕暮記念こども短歌大会（年１回）</t>
    <rPh sb="0" eb="2">
      <t>エホン</t>
    </rPh>
    <rPh sb="3" eb="5">
      <t>ゾウショ</t>
    </rPh>
    <rPh sb="5" eb="6">
      <t>スウ</t>
    </rPh>
    <rPh sb="8" eb="11">
      <t>コウミンカン</t>
    </rPh>
    <rPh sb="11" eb="14">
      <t>トショシツ</t>
    </rPh>
    <rPh sb="17" eb="18">
      <t>カン</t>
    </rPh>
    <rPh sb="20" eb="22">
      <t>ハイホン</t>
    </rPh>
    <rPh sb="26" eb="27">
      <t>ブン</t>
    </rPh>
    <rPh sb="28" eb="29">
      <t>フク</t>
    </rPh>
    <rPh sb="38" eb="39">
      <t>カイ</t>
    </rPh>
    <rPh sb="40" eb="42">
      <t>マイツキ</t>
    </rPh>
    <rPh sb="42" eb="43">
      <t>ダイ</t>
    </rPh>
    <rPh sb="46" eb="49">
      <t>ドヨウビ</t>
    </rPh>
    <rPh sb="69" eb="71">
      <t>マイツキ</t>
    </rPh>
    <rPh sb="78" eb="80">
      <t>エイゴ</t>
    </rPh>
    <rPh sb="85" eb="86">
      <t>カイ</t>
    </rPh>
    <rPh sb="87" eb="89">
      <t>マイツキ</t>
    </rPh>
    <rPh sb="89" eb="90">
      <t>ダイ</t>
    </rPh>
    <rPh sb="91" eb="94">
      <t>ドヨウビ</t>
    </rPh>
    <rPh sb="104" eb="105">
      <t>ツキ</t>
    </rPh>
    <rPh sb="106" eb="107">
      <t>カイ</t>
    </rPh>
    <rPh sb="129" eb="131">
      <t>ドクショ</t>
    </rPh>
    <rPh sb="135" eb="137">
      <t>マイトシ</t>
    </rPh>
    <rPh sb="141" eb="143">
      <t>ドクショ</t>
    </rPh>
    <rPh sb="143" eb="145">
      <t>シュウカン</t>
    </rPh>
    <rPh sb="147" eb="149">
      <t>エホン</t>
    </rPh>
    <rPh sb="155" eb="157">
      <t>コウザ</t>
    </rPh>
    <rPh sb="158" eb="160">
      <t>ジドウ</t>
    </rPh>
    <rPh sb="160" eb="162">
      <t>ブンガク</t>
    </rPh>
    <rPh sb="162" eb="164">
      <t>コウザ</t>
    </rPh>
    <rPh sb="165" eb="166">
      <t>コ</t>
    </rPh>
    <rPh sb="168" eb="170">
      <t>ドクショ</t>
    </rPh>
    <rPh sb="170" eb="172">
      <t>カツドウ</t>
    </rPh>
    <rPh sb="172" eb="174">
      <t>スイシン</t>
    </rPh>
    <rPh sb="174" eb="176">
      <t>ジギョウ</t>
    </rPh>
    <rPh sb="176" eb="178">
      <t>コウエン</t>
    </rPh>
    <rPh sb="178" eb="179">
      <t>カイ</t>
    </rPh>
    <rPh sb="180" eb="182">
      <t>ロウドク</t>
    </rPh>
    <rPh sb="188" eb="190">
      <t>カクネン</t>
    </rPh>
    <rPh sb="191" eb="192">
      <t>カイ</t>
    </rPh>
    <rPh sb="194" eb="196">
      <t>ユウグレ</t>
    </rPh>
    <rPh sb="196" eb="198">
      <t>キネン</t>
    </rPh>
    <rPh sb="201" eb="203">
      <t>タンカ</t>
    </rPh>
    <rPh sb="203" eb="205">
      <t>タイカイ</t>
    </rPh>
    <rPh sb="206" eb="207">
      <t>ネン</t>
    </rPh>
    <rPh sb="208" eb="209">
      <t>カイ</t>
    </rPh>
    <phoneticPr fontId="2"/>
  </si>
  <si>
    <t>おはなし会（毎週土曜日・日曜日）。おひざにだっこのおはなし会（８月以外の毎月）絵本の蔵書数は2023年2月28日現在</t>
    <rPh sb="4" eb="5">
      <t>カイ</t>
    </rPh>
    <rPh sb="6" eb="8">
      <t>マイシュウ</t>
    </rPh>
    <rPh sb="8" eb="11">
      <t>ドヨウビ</t>
    </rPh>
    <rPh sb="12" eb="15">
      <t>ニチヨウビ</t>
    </rPh>
    <rPh sb="29" eb="30">
      <t>カイ</t>
    </rPh>
    <rPh sb="32" eb="33">
      <t>ガツ</t>
    </rPh>
    <rPh sb="33" eb="35">
      <t>イガイ</t>
    </rPh>
    <rPh sb="36" eb="38">
      <t>マイツキ</t>
    </rPh>
    <rPh sb="50" eb="51">
      <t>ネン</t>
    </rPh>
    <rPh sb="52" eb="53">
      <t>ガツ</t>
    </rPh>
    <rPh sb="55" eb="56">
      <t>ニチ</t>
    </rPh>
    <rPh sb="56" eb="58">
      <t>ゲンザイ</t>
    </rPh>
    <phoneticPr fontId="2"/>
  </si>
  <si>
    <t>普通車：30分ごとに200円/1日上限1,000円二輪自動車：240分毎に100円/1日上限300円</t>
    <rPh sb="0" eb="3">
      <t>フツウシャ</t>
    </rPh>
    <rPh sb="25" eb="27">
      <t>ニリン</t>
    </rPh>
    <rPh sb="27" eb="30">
      <t>ジドウシャ</t>
    </rPh>
    <rPh sb="34" eb="35">
      <t>フン</t>
    </rPh>
    <rPh sb="35" eb="36">
      <t>ゴト</t>
    </rPh>
    <rPh sb="40" eb="41">
      <t>エン</t>
    </rPh>
    <rPh sb="43" eb="44">
      <t>ニチ</t>
    </rPh>
    <rPh sb="44" eb="46">
      <t>ジョウゲン</t>
    </rPh>
    <rPh sb="49" eb="50">
      <t>エン</t>
    </rPh>
    <phoneticPr fontId="1"/>
  </si>
  <si>
    <t>41,956※R5.3.1時点※団体貸出用絵本は含まず</t>
    <rPh sb="13" eb="15">
      <t>ジテン</t>
    </rPh>
    <rPh sb="16" eb="21">
      <t>ダンタイカシダシヨウ</t>
    </rPh>
    <rPh sb="21" eb="23">
      <t>エホン</t>
    </rPh>
    <rPh sb="24" eb="25">
      <t>フク</t>
    </rPh>
    <phoneticPr fontId="2"/>
  </si>
  <si>
    <t>小田急江ノ島線・東急田園都市線中央林間駅すぐ</t>
    <rPh sb="3" eb="4">
      <t>エ</t>
    </rPh>
    <rPh sb="5" eb="6">
      <t>シマ</t>
    </rPh>
    <rPh sb="6" eb="7">
      <t>セン</t>
    </rPh>
    <rPh sb="8" eb="10">
      <t>トウキュウ</t>
    </rPh>
    <rPh sb="10" eb="15">
      <t>デンエントシセン</t>
    </rPh>
    <rPh sb="15" eb="19">
      <t>チュウオウリンカン</t>
    </rPh>
    <rPh sb="19" eb="20">
      <t>エキ</t>
    </rPh>
    <phoneticPr fontId="1"/>
  </si>
  <si>
    <t>4,810※R5.3.1時点</t>
  </si>
  <si>
    <t>・図書館設置パソコン有については、タブレットの貸出しによる利用。・多目的トイレ、おむつ交換台、授乳室については、入居している商業施設に有ります。・入居している商業施設に有料駐車場あり。</t>
    <rPh sb="10" eb="11">
      <t>アリ</t>
    </rPh>
    <rPh sb="23" eb="25">
      <t>カシダシ</t>
    </rPh>
    <rPh sb="29" eb="31">
      <t>リヨウ</t>
    </rPh>
    <rPh sb="33" eb="36">
      <t>タモクテキ</t>
    </rPh>
    <rPh sb="43" eb="46">
      <t>コウカンダイ</t>
    </rPh>
    <rPh sb="47" eb="49">
      <t>ジュニュウ</t>
    </rPh>
    <rPh sb="49" eb="50">
      <t>シツ</t>
    </rPh>
    <rPh sb="56" eb="58">
      <t>ニュウキョ</t>
    </rPh>
    <rPh sb="62" eb="64">
      <t>ショウギョウ</t>
    </rPh>
    <rPh sb="64" eb="66">
      <t>シセツ</t>
    </rPh>
    <rPh sb="67" eb="68">
      <t>ア</t>
    </rPh>
    <rPh sb="73" eb="75">
      <t>ニュウキョ</t>
    </rPh>
    <rPh sb="79" eb="83">
      <t>ショウギョウシセツ</t>
    </rPh>
    <rPh sb="84" eb="86">
      <t>ユウリョウ</t>
    </rPh>
    <rPh sb="86" eb="89">
      <t>チュウシャジョウ</t>
    </rPh>
    <phoneticPr fontId="2"/>
  </si>
  <si>
    <t>8,237※R5.3.1時点</t>
  </si>
  <si>
    <t>最初の1時間は無料、以降、1時間ごとに200円（最大料金2,000円）。※但し、市内在住者は市民割引カード利用で半額（1時間ごとに100円）。</t>
    <rPh sb="0" eb="2">
      <t>サイショ</t>
    </rPh>
    <rPh sb="4" eb="6">
      <t>ジカン</t>
    </rPh>
    <rPh sb="7" eb="9">
      <t>ムリョウ</t>
    </rPh>
    <rPh sb="10" eb="12">
      <t>イコウ</t>
    </rPh>
    <rPh sb="14" eb="16">
      <t>ジカン</t>
    </rPh>
    <rPh sb="22" eb="23">
      <t>エン</t>
    </rPh>
    <rPh sb="24" eb="26">
      <t>サイダイ</t>
    </rPh>
    <rPh sb="26" eb="28">
      <t>リョウキン</t>
    </rPh>
    <rPh sb="33" eb="34">
      <t>エン</t>
    </rPh>
    <rPh sb="37" eb="38">
      <t>タダ</t>
    </rPh>
    <rPh sb="40" eb="42">
      <t>シナイ</t>
    </rPh>
    <rPh sb="42" eb="44">
      <t>ザイジュウ</t>
    </rPh>
    <rPh sb="44" eb="45">
      <t>シャ</t>
    </rPh>
    <rPh sb="46" eb="48">
      <t>シミン</t>
    </rPh>
    <rPh sb="48" eb="50">
      <t>ワリビキ</t>
    </rPh>
    <rPh sb="53" eb="55">
      <t>リヨウ</t>
    </rPh>
    <rPh sb="56" eb="58">
      <t>ハンガク</t>
    </rPh>
    <rPh sb="60" eb="62">
      <t>ジカン</t>
    </rPh>
    <rPh sb="68" eb="69">
      <t>エン</t>
    </rPh>
    <phoneticPr fontId="2"/>
  </si>
  <si>
    <t>コミュニティバスかわせみ号「市民文化センター前」下車すぐ神奈中バス【さ02】【長38・39】「市民文化センター前」下車すぐ相鉄バス【綾51】「市民文化センター前」下車すぐP：施設全体で186台、うち障がい者用6台（無料）</t>
    <rPh sb="61" eb="63">
      <t>ソウテツ</t>
    </rPh>
    <rPh sb="66" eb="67">
      <t>アヤ</t>
    </rPh>
    <phoneticPr fontId="2"/>
  </si>
  <si>
    <t>※授乳スペースは、申し出により対応。※飲食スペースは、施設共有スペースにあり。</t>
    <rPh sb="1" eb="3">
      <t>ジュニュウ</t>
    </rPh>
    <rPh sb="9" eb="10">
      <t>モウ</t>
    </rPh>
    <rPh sb="11" eb="12">
      <t>デ</t>
    </rPh>
    <rPh sb="15" eb="17">
      <t>タイオウ</t>
    </rPh>
    <rPh sb="19" eb="21">
      <t>インショク</t>
    </rPh>
    <rPh sb="27" eb="29">
      <t>シセツ</t>
    </rPh>
    <rPh sb="29" eb="31">
      <t>キョウユウ</t>
    </rPh>
    <phoneticPr fontId="1"/>
  </si>
  <si>
    <t>中井町・大井町・松田町・開成町・箱根町・真鶴町・湯河原町・小田原市・南足柄市・秦野市のいずれかに在住の方</t>
    <rPh sb="0" eb="2">
      <t>ナカイ</t>
    </rPh>
    <rPh sb="2" eb="3">
      <t>マチ</t>
    </rPh>
    <rPh sb="4" eb="6">
      <t>オオイ</t>
    </rPh>
    <rPh sb="6" eb="7">
      <t>マチ</t>
    </rPh>
    <rPh sb="8" eb="10">
      <t>マツダ</t>
    </rPh>
    <rPh sb="10" eb="11">
      <t>マチ</t>
    </rPh>
    <rPh sb="12" eb="14">
      <t>カイセイ</t>
    </rPh>
    <rPh sb="14" eb="15">
      <t>マチ</t>
    </rPh>
    <rPh sb="16" eb="18">
      <t>ハコネ</t>
    </rPh>
    <rPh sb="18" eb="19">
      <t>マチ</t>
    </rPh>
    <rPh sb="20" eb="22">
      <t>マナヅル</t>
    </rPh>
    <rPh sb="22" eb="23">
      <t>マチ</t>
    </rPh>
    <rPh sb="24" eb="27">
      <t>ユガワラ</t>
    </rPh>
    <rPh sb="27" eb="28">
      <t>マチ</t>
    </rPh>
    <rPh sb="29" eb="32">
      <t>オダワラ</t>
    </rPh>
    <rPh sb="32" eb="33">
      <t>シ</t>
    </rPh>
    <rPh sb="34" eb="35">
      <t>ミナミ</t>
    </rPh>
    <rPh sb="35" eb="37">
      <t>アシガラ</t>
    </rPh>
    <rPh sb="37" eb="38">
      <t>シ</t>
    </rPh>
    <rPh sb="39" eb="42">
      <t>ハダノシ</t>
    </rPh>
    <rPh sb="48" eb="50">
      <t>ザイジュウ</t>
    </rPh>
    <rPh sb="51" eb="52">
      <t>カタ</t>
    </rPh>
    <phoneticPr fontId="2"/>
  </si>
  <si>
    <t>ボランティアによる読み聞かせ（毎月第３・土曜日）</t>
  </si>
  <si>
    <t>土・日・祝 10：00～17：00定期休館日：月曜日、年末年始、特別整理期間。</t>
  </si>
  <si>
    <t>おはなし会※毎月1回：土曜日（不定期）子どもの広場※毎月2回：水曜日、土曜日（不定期）</t>
    <rPh sb="4" eb="5">
      <t>カイ</t>
    </rPh>
    <rPh sb="6" eb="8">
      <t>マイツキ</t>
    </rPh>
    <rPh sb="9" eb="10">
      <t>カイ</t>
    </rPh>
    <rPh sb="11" eb="13">
      <t>ドヨウ</t>
    </rPh>
    <rPh sb="13" eb="14">
      <t>ヒ</t>
    </rPh>
    <rPh sb="15" eb="18">
      <t>フテイキ</t>
    </rPh>
    <rPh sb="19" eb="20">
      <t>コ</t>
    </rPh>
    <rPh sb="23" eb="25">
      <t>ヒロバ</t>
    </rPh>
    <rPh sb="26" eb="28">
      <t>マイツキ</t>
    </rPh>
    <rPh sb="29" eb="30">
      <t>カイ</t>
    </rPh>
    <rPh sb="31" eb="32">
      <t>スイ</t>
    </rPh>
    <rPh sb="32" eb="34">
      <t>ヨウビ</t>
    </rPh>
    <rPh sb="35" eb="36">
      <t>ド</t>
    </rPh>
    <rPh sb="36" eb="37">
      <t>ヨウ</t>
    </rPh>
    <rPh sb="37" eb="38">
      <t>ヒ</t>
    </rPh>
    <phoneticPr fontId="2"/>
  </si>
  <si>
    <t>https://www.town.yugawara.kanagawa.jp/soshiki/30/1821.html</t>
  </si>
  <si>
    <t>町内に通勤・通学されている方。 県西地区図書館広域利用協定を結んだ市町（小田原・南足柄・真鶴・箱根・中井・大井・松田・山北・開成）及び熱海市にお住まいの方、湯河原町内及び静岡県熱海市泉地区にある宿泊施設に宿泊している方</t>
    <rPh sb="78" eb="81">
      <t>ユガワラ</t>
    </rPh>
    <rPh sb="81" eb="82">
      <t>チョウ</t>
    </rPh>
    <rPh sb="82" eb="83">
      <t>ナイ</t>
    </rPh>
    <rPh sb="83" eb="84">
      <t>オヨ</t>
    </rPh>
    <rPh sb="85" eb="88">
      <t>シズオカケン</t>
    </rPh>
    <rPh sb="88" eb="91">
      <t>アタミシ</t>
    </rPh>
    <rPh sb="91" eb="92">
      <t>イズミ</t>
    </rPh>
    <rPh sb="92" eb="94">
      <t>チク</t>
    </rPh>
    <rPh sb="97" eb="99">
      <t>シュクハク</t>
    </rPh>
    <rPh sb="99" eb="101">
      <t>シセツ</t>
    </rPh>
    <rPh sb="102" eb="104">
      <t>シュクハク</t>
    </rPh>
    <rPh sb="108" eb="109">
      <t>カタ</t>
    </rPh>
    <phoneticPr fontId="1"/>
  </si>
  <si>
    <t>図書：14視聴覚資料：7</t>
  </si>
  <si>
    <t>神奈川県川崎市高津区坂戸3-2-1かながわサイエンスパーク(KSP)西棟2階</t>
    <rPh sb="0" eb="4">
      <t>カナガワケン</t>
    </rPh>
    <phoneticPr fontId="2"/>
  </si>
  <si>
    <t>土・祝9：30～17：30、定期休館日：日曜日（祝日も含む）、第2木曜日、年末年始、資料総点検期間</t>
    <rPh sb="14" eb="16">
      <t>テイキ</t>
    </rPh>
    <rPh sb="16" eb="19">
      <t>キュウカンビ</t>
    </rPh>
    <rPh sb="17" eb="18">
      <t>カン</t>
    </rPh>
    <rPh sb="18" eb="19">
      <t>ビ</t>
    </rPh>
    <phoneticPr fontId="2"/>
  </si>
  <si>
    <t>JR武蔵溝ノ口駅・東急溝の口駅徒歩15分、溝口駅北口バスターミナル9番乗り場からシャトルバス(※)KSP西棟前すぐ、川崎市バス高津中学校入口徒歩1分、P：KSP地下駐車場を利用（65台、有料）※平日のシャトルバスは午前10時以降の便に乗車可</t>
    <rPh sb="119" eb="120">
      <t>カ</t>
    </rPh>
    <phoneticPr fontId="2"/>
  </si>
  <si>
    <t>土・日・月・祝（休）日、12月28日9：30～17：00、１月４日正午～17：00。定期休館日：施設点検日（月1回）、年末年始、特別整理日（3日間）。</t>
    <rPh sb="8" eb="9">
      <t>キュウ</t>
    </rPh>
    <rPh sb="10" eb="11">
      <t>ヒ</t>
    </rPh>
    <rPh sb="14" eb="15">
      <t>ガツ</t>
    </rPh>
    <rPh sb="17" eb="18">
      <t>ニチ</t>
    </rPh>
    <rPh sb="30" eb="31">
      <t>ガツ</t>
    </rPh>
    <rPh sb="32" eb="33">
      <t>ニチ</t>
    </rPh>
    <rPh sb="33" eb="35">
      <t>ショウゴ</t>
    </rPh>
    <phoneticPr fontId="2"/>
  </si>
  <si>
    <t>JR・横浜市営地下鉄桜木町駅徒歩10分。京急日ノ出町駅徒歩5分。P：隣接公共駐車場を利用（110台、有料）、障がい者用2台（有料）</t>
  </si>
  <si>
    <t>（平日）最初の３０分２００円、入庫後３０分以降６０分毎４００円（土・日・祝日）最初の３０分３００円、入庫後３０分以降６０分毎６００円</t>
  </si>
  <si>
    <t>JR鶴見駅徒歩7分。京急京急鶴見駅徒歩7分。P：なし。</t>
  </si>
  <si>
    <t>JR東神奈川駅徒歩9分、京急京急東神奈川駅徒歩10分、東急東白楽駅徒歩12分。P：施設全体で21台、障がい者用1台（無料）</t>
    <rPh sb="14" eb="16">
      <t>ケイキュウ</t>
    </rPh>
    <rPh sb="16" eb="20">
      <t>ヒガシカナガワ</t>
    </rPh>
    <phoneticPr fontId="2"/>
  </si>
  <si>
    <t>横浜市営バス本牧原徒歩2分。P：障がい者用2台（無料）</t>
  </si>
  <si>
    <t>京急弘明寺駅徒歩1分。横浜市営地下鉄弘明寺駅徒歩8分。P：障がい者用1台（無料）</t>
  </si>
  <si>
    <t>横浜市営地下鉄上永谷駅徒歩4分。P：障がい者用1台（無料）</t>
  </si>
  <si>
    <t>相鉄星川駅徒歩４分。P：施設全体で5台、障がい者用1台（無料）</t>
  </si>
  <si>
    <t>相鉄鶴ヶ峰駅徒歩13分。P：39台（有料［20分まで無料］）、障がい者用2台（無料）</t>
  </si>
  <si>
    <t>JR磯子駅徒歩5分。P：施設全体で135台（有料［30分まで無料］）、障がい者用2台（無料）</t>
  </si>
  <si>
    <t>京急・シーサイドライン金沢八景駅徒歩7分。P：施設全体で16台、障がい者用1台（無料）</t>
  </si>
  <si>
    <t>JR・東急菊名駅徒歩7分。P：施設全体で障がい者用1台（無料）</t>
  </si>
  <si>
    <t>JR十日市場駅徒歩4分。P：施設全体で8台、障がい者用1台（無料）</t>
  </si>
  <si>
    <t>東急・横浜市営地下鉄あざみ野駅徒歩3分。P：施設全体で12台、障がい者用1台（無料）</t>
  </si>
  <si>
    <t>横浜市営地下鉄センター南駅徒歩6分。P：施設全体で159台（有料［30分まで無料］）、障がい者用5台（無料）</t>
  </si>
  <si>
    <t>JR・横浜市営地下鉄戸塚駅徒歩7分。P：施設全体で34台、障がい者用1台（無料）</t>
  </si>
  <si>
    <t>JR本郷台駅徒歩13分。P：15台、障がい者用1台（無料）</t>
  </si>
  <si>
    <t>相鉄いずみ野駅徒歩3分。P：3台、障がい者用2台（無料）</t>
  </si>
  <si>
    <t>相鉄瀬谷駅徒歩8分。P：10台、障がい者用2台（無料）</t>
  </si>
  <si>
    <t>神奈川県川崎市川崎区駅前本町12-1川崎駅前タワー・リバーク4F</t>
  </si>
  <si>
    <t>7000020141305</t>
  </si>
  <si>
    <t>土・日・祝9：30～17：00。定期休館日：第3月曜日（祝日は除く）、年末年始、特別整理期間。</t>
  </si>
  <si>
    <t>JR・京急川崎駅徒歩2分。</t>
  </si>
  <si>
    <t>神奈川県川崎市川崎区大師駅前1-1-5川崎大師パークホームズ2F</t>
  </si>
  <si>
    <t>土・日・祝10：00～17：00。定期休館日：第3月曜日（祝日は除く）、年末年始、特別整理期間。</t>
  </si>
  <si>
    <t>京急川崎大師駅徒歩2分。P：障がい者用1台（無料）</t>
  </si>
  <si>
    <t>JR川崎駅臨港バス大師行・三井埠頭行、大島3丁目下車徒歩2分。P：なし</t>
  </si>
  <si>
    <t>JR川崎駅バス・川71系統小杉行幸区役所入口下車、徒歩2分。P：施設全体で74台（施設利用者は最初の1時間無料、超過した分は有料）</t>
  </si>
  <si>
    <t>JR新川崎駅徒歩12分。バス夢見ヶ崎動物公園前徒歩5分。P：施設全体で12台、障がい者用1台（無料）</t>
  </si>
  <si>
    <t>JR・東急武蔵小杉駅徒歩1分。P:複合ビル全体の来客用駐車場79台（有料）</t>
  </si>
  <si>
    <t>・絵本の蔵書数（R5/4/1）は見込・URLは、川崎市立図書館トップページ（他の館のURLは、各館のページ）・幼児向けおはなし会：毎週水曜日15:00～15:30・その他：小学生、大人、乳幼児向おはなし会随時</t>
    <rPh sb="24" eb="31">
      <t>カワサキシリツトショカン</t>
    </rPh>
    <rPh sb="38" eb="39">
      <t>タ</t>
    </rPh>
    <rPh sb="40" eb="41">
      <t>カン</t>
    </rPh>
    <rPh sb="47" eb="49">
      <t>カクカン</t>
    </rPh>
    <rPh sb="55" eb="57">
      <t>ヨウジ</t>
    </rPh>
    <rPh sb="57" eb="58">
      <t>ム</t>
    </rPh>
    <rPh sb="63" eb="64">
      <t>カイ</t>
    </rPh>
    <rPh sb="65" eb="67">
      <t>マイシュウ</t>
    </rPh>
    <rPh sb="67" eb="70">
      <t>スイヨウビ</t>
    </rPh>
    <rPh sb="84" eb="85">
      <t>ホカ</t>
    </rPh>
    <rPh sb="86" eb="89">
      <t>ショウガクセイ</t>
    </rPh>
    <rPh sb="90" eb="92">
      <t>オトナ</t>
    </rPh>
    <rPh sb="93" eb="96">
      <t>ニュウヨウジ</t>
    </rPh>
    <rPh sb="96" eb="97">
      <t>ム</t>
    </rPh>
    <rPh sb="101" eb="102">
      <t>カイ</t>
    </rPh>
    <rPh sb="102" eb="104">
      <t>ズイジ</t>
    </rPh>
    <phoneticPr fontId="2"/>
  </si>
  <si>
    <t>JR武蔵溝ノ口駅徒歩15分。東急高津駅徒歩5分。P：障がい者用1台（無料）</t>
  </si>
  <si>
    <t>JR武蔵新城駅東急バス子母口住宅前下車徒歩8分。P：施設全体で10台、うち障がい者用1台（無料）</t>
  </si>
  <si>
    <t>東急宮前平駅徒歩10分。P：施設全体で95台（施設利用者は最初の1時間無料、超過した分は有料）</t>
  </si>
  <si>
    <t>JR・小田急登戸駅徒歩15分。小田急向ヶ丘遊園駅徒歩5分。P：総合庁舎全体で109台。（施設利用者は1時間まで無料、超過した分は有料）</t>
  </si>
  <si>
    <t>土・日・祝9：30～17：00。定期休館日：毎月第3月曜日（祝休日に当たる場合は当該日の直後の休日でない日）、年末年始、館内特別整理期間、その他。</t>
    <rPh sb="22" eb="24">
      <t>マイツキ</t>
    </rPh>
    <rPh sb="30" eb="31">
      <t>シュク</t>
    </rPh>
    <rPh sb="31" eb="33">
      <t>キュウジツ</t>
    </rPh>
    <rPh sb="34" eb="35">
      <t>ア</t>
    </rPh>
    <rPh sb="37" eb="39">
      <t>バアイ</t>
    </rPh>
    <rPh sb="40" eb="42">
      <t>トウガイ</t>
    </rPh>
    <rPh sb="42" eb="43">
      <t>ビ</t>
    </rPh>
    <rPh sb="44" eb="46">
      <t>チョクゴ</t>
    </rPh>
    <rPh sb="47" eb="49">
      <t>キュウジツ</t>
    </rPh>
    <rPh sb="52" eb="53">
      <t>ヒ</t>
    </rPh>
    <rPh sb="60" eb="62">
      <t>カンナイ</t>
    </rPh>
    <rPh sb="71" eb="72">
      <t>タ</t>
    </rPh>
    <phoneticPr fontId="2"/>
  </si>
  <si>
    <t>小田急新百合ヶ丘駅徒歩5分。P：施設全体で63台、うち障がい者等用2台（施設利用者は最初の1時間無料、超過した分は有料）</t>
  </si>
  <si>
    <t>土・日・祝10：00～17：00。定期休館日：毎月第3月曜日（祝休日に当たる場合は当該日の直後の休日でない日）、年末年始、館内特別整理期間、その他。</t>
  </si>
  <si>
    <t>小田急柿生駅徒歩5分。P：なし</t>
  </si>
  <si>
    <t>土・日・祝9：30～18：00。12月28日9：30～17：00。(ただし、12月28日が月曜日にあたる場合は休館)定期休館日：月曜日、第2木曜日（1月及び4月を除く）、年末年始、蔵書点検期間。※ただし、月曜日及び第２木曜日が祝日の場合は開館し、翌日が休館。</t>
    <rPh sb="45" eb="48">
      <t>ゲツヨウビ</t>
    </rPh>
    <rPh sb="52" eb="54">
      <t>バアイ</t>
    </rPh>
    <rPh sb="55" eb="57">
      <t>キュウカン</t>
    </rPh>
    <phoneticPr fontId="2"/>
  </si>
  <si>
    <t>JR横浜線淵野辺駅南口徒歩3分。P：施設全体で75台、うち身障者用2台</t>
    <rPh sb="2" eb="4">
      <t>ヨコハマ</t>
    </rPh>
    <rPh sb="4" eb="5">
      <t>セン</t>
    </rPh>
    <rPh sb="5" eb="6">
      <t>フチ</t>
    </rPh>
    <phoneticPr fontId="2"/>
  </si>
  <si>
    <t>小田急線相武台前駅徒歩15分。バス｢相武台グリーンパーク｣行き新磯野公園前下車。P：駐車設備はありません。</t>
    <rPh sb="3" eb="4">
      <t>セン</t>
    </rPh>
    <rPh sb="29" eb="30">
      <t>イキ</t>
    </rPh>
    <rPh sb="42" eb="44">
      <t>チュウシャ</t>
    </rPh>
    <rPh sb="44" eb="46">
      <t>セツビ</t>
    </rPh>
    <phoneticPr fontId="2"/>
  </si>
  <si>
    <t>子どもの本のフロア9：30～18：00土・日・祝9：30～18：00。12月28日9：30～17：00。定期休館日：月曜日、第2木曜日（1月及び4月を除く）、年末年始、蔵書点検期間。※ただし、月曜日及び第２木曜日が祝日の場合は開館し、翌日が休館。</t>
  </si>
  <si>
    <t>小田急相模大野駅北口徒歩8分。P：市営駐車場を利用（有料）</t>
    <rPh sb="8" eb="10">
      <t>キタグチ</t>
    </rPh>
    <rPh sb="17" eb="19">
      <t>シエイ</t>
    </rPh>
    <phoneticPr fontId="2"/>
  </si>
  <si>
    <t>土・日・祝9：30～18：00。12月28日9：30～17：00。（ただし、12月28日が月曜日にあたる場合は休館）定期休館日：月曜日、第2木曜日（1月及び4月を除く）、年末年始、蔵書点検期間。※ただし、月曜日及び第２木曜日が祝日の場合は開館し、翌日が休館。</t>
    <rPh sb="40" eb="41">
      <t>ガツ</t>
    </rPh>
    <rPh sb="43" eb="44">
      <t>ニチ</t>
    </rPh>
    <rPh sb="45" eb="48">
      <t>ゲツヨウビ</t>
    </rPh>
    <rPh sb="52" eb="54">
      <t>バアイ</t>
    </rPh>
    <rPh sb="55" eb="57">
      <t>キュウカン</t>
    </rPh>
    <phoneticPr fontId="2"/>
  </si>
  <si>
    <t>JR横浜線・京王線橋本駅北口出てすぐ。P：公共駐車場を利用（有料）</t>
    <rPh sb="2" eb="5">
      <t>ヨコハマセン</t>
    </rPh>
    <phoneticPr fontId="2"/>
  </si>
  <si>
    <t>木・金9：30～19：20。定期休館日：月曜日・第4木曜日（祝日の場合は開館し、翌日休館）、年末年始、特別整理期間。</t>
  </si>
  <si>
    <t>京急横須賀中央駅徒歩10分。P：25台、障がい者用1台（無料）</t>
  </si>
  <si>
    <t>京急横須賀中央駅徒歩1分。P：7台、障がい者用1台（無料）</t>
  </si>
  <si>
    <t>京急追浜駅徒歩12分。P：施設全体で7台、障がい者用1台（無料）</t>
  </si>
  <si>
    <t>京急久里浜駅徒歩10分。P：他施設と共用57台、うち障がい者用2台（無料）</t>
  </si>
  <si>
    <t>第4木曜日９時～13時休館。年末年始。</t>
    <rPh sb="11" eb="13">
      <t>キュウカン</t>
    </rPh>
    <phoneticPr fontId="2"/>
  </si>
  <si>
    <t>京急京急田浦駅徒歩５分</t>
    <rPh sb="0" eb="2">
      <t>ケイキュウ</t>
    </rPh>
    <phoneticPr fontId="2"/>
  </si>
  <si>
    <t>JR横須賀駅徒歩10分。京急逸見駅徒歩１分</t>
  </si>
  <si>
    <t>JR衣笠駅徒歩8分。京急バス衣笠十字路徒歩3分</t>
  </si>
  <si>
    <t>京急京急大津駅徒歩１分</t>
    <rPh sb="0" eb="2">
      <t>ケイキュウ</t>
    </rPh>
    <phoneticPr fontId="2"/>
  </si>
  <si>
    <t>京急浦賀駅徒歩７分</t>
  </si>
  <si>
    <t>京急京急長沢駅徒歩10分。京急YRP野比駅徒歩15分</t>
    <rPh sb="0" eb="2">
      <t>ケイキュウ</t>
    </rPh>
    <rPh sb="13" eb="15">
      <t>ケイキュウ</t>
    </rPh>
    <phoneticPr fontId="2"/>
  </si>
  <si>
    <t>京急バス横須賀市民病院徒歩5分</t>
    <rPh sb="0" eb="2">
      <t>ケイキュウ</t>
    </rPh>
    <rPh sb="4" eb="7">
      <t>ヨコスカ</t>
    </rPh>
    <phoneticPr fontId="2"/>
  </si>
  <si>
    <t>京急バス南武入口徒歩3分。京急バス竹川徒歩4分。</t>
    <rPh sb="13" eb="15">
      <t>ケイキュウ</t>
    </rPh>
    <phoneticPr fontId="2"/>
  </si>
  <si>
    <t>京急バス長井小学校徒歩5分</t>
    <rPh sb="0" eb="2">
      <t>ケイキュウ</t>
    </rPh>
    <phoneticPr fontId="2"/>
  </si>
  <si>
    <t>土･日･祝日9：00～17：00。こども室利用：4月～9月の火～金9：00～18:00、その他9:00～17:00。定期休館日：月曜日（祝日の場合は開館し、翌火曜日休館）、月末（土・日・祝日は除く）、年末年始、特別整理期間。</t>
    <rPh sb="5" eb="6">
      <t>ジツ</t>
    </rPh>
    <rPh sb="21" eb="23">
      <t>リヨウ</t>
    </rPh>
    <rPh sb="71" eb="73">
      <t>バアイ</t>
    </rPh>
    <rPh sb="74" eb="76">
      <t>カイカン</t>
    </rPh>
    <rPh sb="78" eb="79">
      <t>ヨク</t>
    </rPh>
    <rPh sb="79" eb="82">
      <t>カヨウビ</t>
    </rPh>
    <rPh sb="82" eb="84">
      <t>キュウカン</t>
    </rPh>
    <rPh sb="93" eb="95">
      <t>シュクジツ</t>
    </rPh>
    <phoneticPr fontId="23"/>
  </si>
  <si>
    <t>JR平塚駅徒歩20分。※P：23台(有料)</t>
    <rPh sb="18" eb="20">
      <t>ユウリョウ</t>
    </rPh>
    <phoneticPr fontId="2"/>
  </si>
  <si>
    <t>【施設利用者】入庫後90分以内無料。以降90分を超えて駐車30分/100円。4時間を超えて駐車60分/200円。最大料金1,200円【一般利用者】60分/300円。最大料金1,500円</t>
    <rPh sb="1" eb="3">
      <t>シセツ</t>
    </rPh>
    <rPh sb="3" eb="6">
      <t>リヨウシャ</t>
    </rPh>
    <rPh sb="7" eb="9">
      <t>ニュウコ</t>
    </rPh>
    <rPh sb="9" eb="10">
      <t>ゴ</t>
    </rPh>
    <rPh sb="12" eb="13">
      <t>フン</t>
    </rPh>
    <rPh sb="13" eb="15">
      <t>イナイ</t>
    </rPh>
    <rPh sb="15" eb="17">
      <t>ムリョウ</t>
    </rPh>
    <rPh sb="18" eb="20">
      <t>イコウ</t>
    </rPh>
    <rPh sb="22" eb="23">
      <t>フン</t>
    </rPh>
    <rPh sb="24" eb="25">
      <t>コ</t>
    </rPh>
    <rPh sb="27" eb="29">
      <t>チュウシャ</t>
    </rPh>
    <rPh sb="31" eb="32">
      <t>フン</t>
    </rPh>
    <rPh sb="36" eb="37">
      <t>エン</t>
    </rPh>
    <rPh sb="39" eb="41">
      <t>ジカン</t>
    </rPh>
    <rPh sb="42" eb="43">
      <t>コ</t>
    </rPh>
    <rPh sb="45" eb="47">
      <t>チュウシャ</t>
    </rPh>
    <rPh sb="49" eb="50">
      <t>フン</t>
    </rPh>
    <rPh sb="54" eb="55">
      <t>エン</t>
    </rPh>
    <rPh sb="56" eb="58">
      <t>サイダイ</t>
    </rPh>
    <rPh sb="58" eb="60">
      <t>リョウキン</t>
    </rPh>
    <rPh sb="65" eb="66">
      <t>エン</t>
    </rPh>
    <rPh sb="67" eb="69">
      <t>イッパン</t>
    </rPh>
    <rPh sb="69" eb="72">
      <t>リヨウシャ</t>
    </rPh>
    <rPh sb="75" eb="76">
      <t>フン</t>
    </rPh>
    <rPh sb="80" eb="81">
      <t>エン</t>
    </rPh>
    <rPh sb="82" eb="84">
      <t>サイダイ</t>
    </rPh>
    <rPh sb="84" eb="86">
      <t>リョウキン</t>
    </rPh>
    <rPh sb="91" eb="92">
      <t>エン</t>
    </rPh>
    <phoneticPr fontId="23"/>
  </si>
  <si>
    <t>※新型コロナウイルス感染症の影響により、イベント開催に変更が生じる場合があります。最新の情報は平塚市図書館ホームページをご確認ください※赤ちゃんタイム（毎月第3水曜日9:00～13:00）。赤ちゃんおはなし会（毎月第3水曜日11:00～）。おはなし会（毎月第1・2・第4水曜日15:30～）。みんなのおはなし会（毎月第1日曜日14:00～）。</t>
    <rPh sb="33" eb="35">
      <t>バアイ</t>
    </rPh>
    <rPh sb="41" eb="43">
      <t>サイシン</t>
    </rPh>
    <rPh sb="44" eb="46">
      <t>ジョウホウ</t>
    </rPh>
    <rPh sb="47" eb="50">
      <t>ヒラツカシ</t>
    </rPh>
    <rPh sb="50" eb="53">
      <t>トショカン</t>
    </rPh>
    <rPh sb="61" eb="63">
      <t>カクニン</t>
    </rPh>
    <rPh sb="68" eb="69">
      <t>アカ</t>
    </rPh>
    <rPh sb="76" eb="78">
      <t>マイツキ</t>
    </rPh>
    <rPh sb="78" eb="79">
      <t>ダイ</t>
    </rPh>
    <rPh sb="80" eb="83">
      <t>スイヨウビ</t>
    </rPh>
    <rPh sb="95" eb="96">
      <t>アカ</t>
    </rPh>
    <rPh sb="103" eb="104">
      <t>カイ</t>
    </rPh>
    <rPh sb="105" eb="107">
      <t>マイツキ</t>
    </rPh>
    <rPh sb="107" eb="108">
      <t>ダイ</t>
    </rPh>
    <rPh sb="109" eb="112">
      <t>スイヨウビ</t>
    </rPh>
    <rPh sb="124" eb="125">
      <t>カイ</t>
    </rPh>
    <rPh sb="126" eb="128">
      <t>マイツキ</t>
    </rPh>
    <rPh sb="128" eb="129">
      <t>ダイ</t>
    </rPh>
    <rPh sb="133" eb="134">
      <t>ダイ</t>
    </rPh>
    <rPh sb="135" eb="138">
      <t>スイヨウビ</t>
    </rPh>
    <rPh sb="156" eb="158">
      <t>マイツキ</t>
    </rPh>
    <rPh sb="158" eb="159">
      <t>ダイ</t>
    </rPh>
    <rPh sb="160" eb="163">
      <t>ニチヨウビ</t>
    </rPh>
    <phoneticPr fontId="23"/>
  </si>
  <si>
    <t>JR平塚駅北口05番線「駒返橋入口」下車3分。※P：39台(無料)</t>
  </si>
  <si>
    <t>※新型コロナウイルス感染症の影響により、イベント開催に変更が生じる場合があります。最新の情報は平塚市図書館ホームページをご確認ください※赤ちゃんおはなし会（毎月第1水曜日11:00～）。おはなし会（毎月第2・第4水曜日15:00～）</t>
    <rPh sb="97" eb="98">
      <t>カイ</t>
    </rPh>
    <rPh sb="99" eb="101">
      <t>マイツキ</t>
    </rPh>
    <rPh sb="101" eb="102">
      <t>ダイ</t>
    </rPh>
    <rPh sb="104" eb="105">
      <t>ダイ</t>
    </rPh>
    <rPh sb="106" eb="109">
      <t>スイヨウビ</t>
    </rPh>
    <phoneticPr fontId="23"/>
  </si>
  <si>
    <t>JR平塚駅北口10番線「山下団地」下車3分。P：12台(無料)</t>
  </si>
  <si>
    <t>※新型コロナウイルス感染症の影響により、イベント開催に変更が生じる場合があります。最新の情報は平塚市図書館ホームページをご確認ください※赤ちゃんおはなし会（毎月第3水曜日11:00～）。おはなし会（毎月第2・第4水曜日15:30～）</t>
  </si>
  <si>
    <t>JR平塚駅南口21番線「袖ケ浜」下車3分。※P：30台(無料)</t>
  </si>
  <si>
    <t>※新型コロナウイルス感染症の影響により、イベント開催に変更が生じる場合があります。最新の情報は平塚市図書館ホームページをご確認ください※赤ちゃんおはなし会（毎月第1水曜日11:00～）。おはなし会（毎月第1・第3水曜日15:30～）</t>
  </si>
  <si>
    <t>平日の木・金9：30～19：00。定期休館日：毎週月曜日・年末年始（12月29日～1月3日）特別整理期間。</t>
    <rPh sb="0" eb="2">
      <t>ヘイジツ</t>
    </rPh>
    <rPh sb="24" eb="25">
      <t>シュウ</t>
    </rPh>
    <phoneticPr fontId="23"/>
  </si>
  <si>
    <t>JR鎌倉駅徒歩7分。P：3台（無料）</t>
  </si>
  <si>
    <t>平日の木・金8：45～19：00。定期休館日：毎週月曜日・年末年始（12月29日～1月3日）特別整理期間。</t>
    <rPh sb="24" eb="25">
      <t>シュウ</t>
    </rPh>
    <phoneticPr fontId="23"/>
  </si>
  <si>
    <t>江ノ電腰越駅徒歩12分。P：腰越行政センター駐車場を利用（36台：無料）</t>
  </si>
  <si>
    <t>JR大船駅湘南モノレール湘南深沢駅徒歩5分。P：深沢行政センター駐車場を利用（41台：無料）</t>
  </si>
  <si>
    <t>JR大船駅徒歩7分。P：大船行政センター駐車場を利用（23台：無料）</t>
  </si>
  <si>
    <t>JR大船駅徒歩15分。P：玉縄行政センター駐車場を利用（29台：無料）</t>
  </si>
  <si>
    <t>火・金9：00～19：00(祝休日の場合は17:00まで)。定期休館日：第2・4水曜日（祝休日の場合はその後最初に来る平日）、特別整理期間、年末年始。</t>
    <rPh sb="15" eb="17">
      <t>キュウジツ</t>
    </rPh>
    <rPh sb="18" eb="20">
      <t>バアイ</t>
    </rPh>
    <phoneticPr fontId="2"/>
  </si>
  <si>
    <t>藤沢市に在勤・在学、又は茅ヶ崎市、寒川町、鎌倉市、大和市、綾瀬市、横浜市のいずれかに在住の方。</t>
    <rPh sb="0" eb="2">
      <t>フジサワ</t>
    </rPh>
    <rPh sb="12" eb="15">
      <t>チガサキ</t>
    </rPh>
    <rPh sb="17" eb="20">
      <t>サムカワマチ</t>
    </rPh>
    <rPh sb="21" eb="23">
      <t>カマクラ</t>
    </rPh>
    <rPh sb="25" eb="27">
      <t>ヤマト</t>
    </rPh>
    <rPh sb="29" eb="31">
      <t>アヤセ</t>
    </rPh>
    <rPh sb="33" eb="35">
      <t>ヨコハマ</t>
    </rPh>
    <phoneticPr fontId="2"/>
  </si>
  <si>
    <t>小田急湘南台駅徒歩10分。※敷地内P有27台（有料2時間超えた場合30分ごと100円）</t>
  </si>
  <si>
    <t>月～金10：00～20：00。土日祝日は18：00まで。定期休館日：第2月曜日（祝休日の場合はその後最初に来る平日の月曜日）、特別整理期間、年末年始、全館設備点検日(1回)</t>
  </si>
  <si>
    <t>JR・小田急藤沢駅徒歩2分。江ノ電藤沢駅徒歩1分。※朝日町駐車場利用可（2時間まで無料2時間超えた場合30分ごと170円）。ODAKYU湘南GATE施設P有（有料）</t>
  </si>
  <si>
    <t>火・金9：00～19：00(祝休日の場合は17:00まで)。定期休館日：月曜日（祝休日の場合はその後最初に来る平日）、特別整理期間、年末年始。</t>
  </si>
  <si>
    <t>JR辻堂駅徒歩4分。※近隣P有10台（有料2時間超えた場合30分ごと100円）</t>
  </si>
  <si>
    <t>JR辻堂駅バス大庭小学校下車徒歩1分。※湘南大庭市民センターP有（無料図書館利用者利用可）</t>
  </si>
  <si>
    <t>土・日・祝9：00～17：00。定期休館日：月曜日（休日の場合はその翌日）。年末年始、特別整理期間。</t>
  </si>
  <si>
    <t>JR鴨宮駅徒歩10分。P：90台、障がい者用2台（無料）</t>
  </si>
  <si>
    <t>土・日・祝9：00～18：00。定期休館日：第4月曜日（休日の場合はその翌日）。年末年始、特別整理期間。</t>
  </si>
  <si>
    <t>JR・小田急小田原駅徒歩3分。P：なし</t>
  </si>
  <si>
    <t>月・水～金19：00</t>
    <rPh sb="0" eb="1">
      <t>ツキ</t>
    </rPh>
    <rPh sb="2" eb="3">
      <t>ミズ</t>
    </rPh>
    <rPh sb="4" eb="5">
      <t>キン</t>
    </rPh>
    <phoneticPr fontId="2"/>
  </si>
  <si>
    <t>土・日・祝9：00～17：00。定期休館日：火曜日（祝日の時は開館し、翌日休館）、1月4日、年末年始、特別整理期間。</t>
  </si>
  <si>
    <t>市内に通勤、通学されている方及び横浜市・横須賀市・鎌倉市・三浦市・葉山町にお住まいの方。</t>
    <rPh sb="0" eb="2">
      <t>シナイ</t>
    </rPh>
    <rPh sb="3" eb="5">
      <t>ツウキン</t>
    </rPh>
    <rPh sb="6" eb="8">
      <t>ツウガク</t>
    </rPh>
    <rPh sb="13" eb="14">
      <t>カタ</t>
    </rPh>
    <rPh sb="14" eb="15">
      <t>オヨ</t>
    </rPh>
    <rPh sb="16" eb="19">
      <t>ヨコハマシ</t>
    </rPh>
    <rPh sb="20" eb="24">
      <t>ヨコスカシ</t>
    </rPh>
    <rPh sb="25" eb="28">
      <t>カマクラシ</t>
    </rPh>
    <rPh sb="29" eb="31">
      <t>ミウラ</t>
    </rPh>
    <rPh sb="31" eb="32">
      <t>シ</t>
    </rPh>
    <rPh sb="33" eb="36">
      <t>ハヤママチ</t>
    </rPh>
    <rPh sb="38" eb="39">
      <t>ス</t>
    </rPh>
    <rPh sb="42" eb="43">
      <t>カタ</t>
    </rPh>
    <phoneticPr fontId="2"/>
  </si>
  <si>
    <t>JR逗子駅徒歩5分。京急逗子・葉山駅徒歩2分。P：施設全体で30台（1時間以内は無料）・うち障がい者用1台（無料）</t>
    <rPh sb="15" eb="17">
      <t>ハヤマ</t>
    </rPh>
    <phoneticPr fontId="2"/>
  </si>
  <si>
    <t>JR逗子駅バスリビエラ逗子マリーナ前下車徒歩1分。P：施設全体で12台、うち障がい者用1台（無料）</t>
  </si>
  <si>
    <t>JR逗子駅バス沼間公民館下車徒歩2分。P：施設全体で12台、うち障がい者用1台（無料）</t>
  </si>
  <si>
    <t>火・金9：00～19：00。定期休館日：月曜日、月末、祝日、年末年始、図書特別整理期間。</t>
  </si>
  <si>
    <t>市内にお住まいの方、通勤、通学されている方及び横須賀市・鎌倉市・逗子市・葉山町にお住まいの方。</t>
  </si>
  <si>
    <t>市内にお住まいの方、通勤、通学されている方及び横須賀市・鎌倉市・逗子市・葉山町にお住まいの方。</t>
    <rPh sb="0" eb="2">
      <t>シナイ</t>
    </rPh>
    <rPh sb="4" eb="5">
      <t>ス</t>
    </rPh>
    <rPh sb="8" eb="9">
      <t>カタ</t>
    </rPh>
    <rPh sb="10" eb="12">
      <t>ツウキン</t>
    </rPh>
    <rPh sb="13" eb="15">
      <t>ツウガク</t>
    </rPh>
    <rPh sb="20" eb="21">
      <t>カタ</t>
    </rPh>
    <rPh sb="21" eb="22">
      <t>オヨ</t>
    </rPh>
    <rPh sb="23" eb="27">
      <t>ヨコスカシ</t>
    </rPh>
    <rPh sb="28" eb="31">
      <t>カマクラシ</t>
    </rPh>
    <rPh sb="32" eb="35">
      <t>ズシシ</t>
    </rPh>
    <rPh sb="36" eb="39">
      <t>ハヤママチ</t>
    </rPh>
    <rPh sb="41" eb="42">
      <t>ス</t>
    </rPh>
    <rPh sb="45" eb="46">
      <t>カタ</t>
    </rPh>
    <phoneticPr fontId="2"/>
  </si>
  <si>
    <t>京急三崎口駅バス三崎東岡下車徒歩5分P：施設全体で14台、うち障がい者用1台（無料）</t>
    <rPh sb="8" eb="10">
      <t>ミサキ</t>
    </rPh>
    <phoneticPr fontId="2"/>
  </si>
  <si>
    <t>火・金10：00～19：00。定期休館日：月曜日、月末、祝日、年末年始、図書特別整理期間。</t>
  </si>
  <si>
    <t>京急三崎口駅徒歩15分。P：施設全体で16台、うち障がい者用1台（無料）</t>
  </si>
  <si>
    <t>火・祝9：00～17：00。定期休館日：月曜日（祝日の場合は翌平日）、おおむね各月の最後の金曜日、年末年始、特別整理期間。</t>
  </si>
  <si>
    <t>小田急秦野駅バス文化会館前下車徒歩1分。P：他施設と供用170台うち障がい者用5台、大型車8台（無料）</t>
  </si>
  <si>
    <t>小田急本厚木駅徒歩1分。P：近隣駐車場を利用（有料）</t>
    <rPh sb="14" eb="16">
      <t>キンリン</t>
    </rPh>
    <rPh sb="16" eb="19">
      <t>チュウシャジョウ</t>
    </rPh>
    <rPh sb="20" eb="22">
      <t>リヨウ</t>
    </rPh>
    <rPh sb="23" eb="25">
      <t>ユウリョウ</t>
    </rPh>
    <phoneticPr fontId="2"/>
  </si>
  <si>
    <t>12：30～13：30は休室。定期休館日：祝日、施設保守日、年末年始、特別整理期間。</t>
    <rPh sb="12" eb="13">
      <t>キュウ</t>
    </rPh>
    <rPh sb="13" eb="14">
      <t>シツ</t>
    </rPh>
    <phoneticPr fontId="2"/>
  </si>
  <si>
    <t>神奈川中央交通路線バス藤塚徒歩5分。P：40台</t>
    <rPh sb="7" eb="9">
      <t>ロセン</t>
    </rPh>
    <phoneticPr fontId="2"/>
  </si>
  <si>
    <t>神奈川中央交通路線バス睦合北公民館前徒歩1分。P：36台</t>
  </si>
  <si>
    <t>神奈川中央交通路線バス小鮎公民館前徒歩1分。P：25台</t>
  </si>
  <si>
    <t>定期休館日：祝日、施設保守日、年末年始、特別整理期間。</t>
  </si>
  <si>
    <t>神奈川中央交通路線バス公所又は稲荷木徒歩5分。P：52台</t>
    <rPh sb="13" eb="14">
      <t>マタ</t>
    </rPh>
    <rPh sb="18" eb="20">
      <t>トホ</t>
    </rPh>
    <rPh sb="21" eb="22">
      <t>フン</t>
    </rPh>
    <phoneticPr fontId="2"/>
  </si>
  <si>
    <t>神奈川中央交通路線バス森の里センター徒歩5分。P：4台</t>
    <rPh sb="26" eb="27">
      <t>ダイ</t>
    </rPh>
    <phoneticPr fontId="2"/>
  </si>
  <si>
    <t>神奈川中央交通路線バス玉川公民館前徒歩1分。P：30台分</t>
  </si>
  <si>
    <t>神奈川中央交通路線バス相川中学校前徒歩約10分。P：40台</t>
    <rPh sb="19" eb="20">
      <t>ヤク</t>
    </rPh>
    <phoneticPr fontId="2"/>
  </si>
  <si>
    <t>神奈川中央交通路線バス松蓮寺徒歩約10分。P：49台</t>
    <rPh sb="16" eb="17">
      <t>ヤク</t>
    </rPh>
    <phoneticPr fontId="2"/>
  </si>
  <si>
    <t>神奈川中央交通路線バススポーツセンター入口徒歩5分。P：34台</t>
  </si>
  <si>
    <t>日・祝9：00～20：00。3F9:00～19:00。定期休館日：年末年始（12/31、1/1）。</t>
    <rPh sb="33" eb="35">
      <t>ネンマツ</t>
    </rPh>
    <rPh sb="35" eb="37">
      <t>ネンシ</t>
    </rPh>
    <phoneticPr fontId="1"/>
  </si>
  <si>
    <t>小田急江ノ島線・相鉄本線大和駅徒歩３分。P：普通車58台、二輪自動車15台（125cc超）</t>
    <rPh sb="3" eb="4">
      <t>エ</t>
    </rPh>
    <rPh sb="5" eb="6">
      <t>シマ</t>
    </rPh>
    <rPh sb="6" eb="7">
      <t>セン</t>
    </rPh>
    <rPh sb="10" eb="12">
      <t>ホンセン</t>
    </rPh>
    <rPh sb="22" eb="25">
      <t>フツウシャ</t>
    </rPh>
    <rPh sb="29" eb="31">
      <t>ニリン</t>
    </rPh>
    <rPh sb="31" eb="34">
      <t>ジドウシャ</t>
    </rPh>
    <rPh sb="36" eb="37">
      <t>ダイ</t>
    </rPh>
    <rPh sb="43" eb="44">
      <t>チョウ</t>
    </rPh>
    <phoneticPr fontId="1"/>
  </si>
  <si>
    <t>・図書館設置パソコン有についてはデータベース閲覧のみ。※インターネットはタブレットの貸出しによる利用。駐車場：普通車55台（身障者用駐車場３台）駐輪場：二輪自動車36台（125cc以下）、自転車196台。</t>
    <rPh sb="22" eb="24">
      <t>エツラン</t>
    </rPh>
    <rPh sb="42" eb="44">
      <t>カシダシ</t>
    </rPh>
    <rPh sb="48" eb="50">
      <t>リヨウ</t>
    </rPh>
    <rPh sb="51" eb="54">
      <t>チュウシャジョウ</t>
    </rPh>
    <rPh sb="55" eb="58">
      <t>フツウシャ</t>
    </rPh>
    <rPh sb="60" eb="61">
      <t>ダイ</t>
    </rPh>
    <rPh sb="62" eb="65">
      <t>シンショウシャ</t>
    </rPh>
    <rPh sb="65" eb="66">
      <t>ヨウ</t>
    </rPh>
    <rPh sb="66" eb="69">
      <t>チュウシャジョウ</t>
    </rPh>
    <rPh sb="70" eb="71">
      <t>ダイ</t>
    </rPh>
    <rPh sb="72" eb="75">
      <t>チュウリンジョウ</t>
    </rPh>
    <phoneticPr fontId="1"/>
  </si>
  <si>
    <t>－</t>
  </si>
  <si>
    <t>伊勢原市に在住・在勤・在学、又は広域利用可能な地域（愛川町、厚木市、綾瀬市、海老名市、大磯町、清川村、相模原市、座間市、二宮町、秦野市、平塚市、大和市）に在住又は、東海大学の学生・教職員の方。</t>
  </si>
  <si>
    <t>小田急伊勢原駅徒歩15分。P：子ども科学館と共用25台（うち障がい者用1台）（無料）</t>
  </si>
  <si>
    <t>JR・小田急・相鉄海老名駅徒歩6分。P：障がい者用7台（無料）、隣接文化会館用駐車場も利用可（300台、有料）</t>
    <rPh sb="52" eb="54">
      <t>ユウリョウ</t>
    </rPh>
    <phoneticPr fontId="2"/>
  </si>
  <si>
    <t>JR門沢橋駅徒歩5分。P：41台、障がい者用2台（無料）</t>
  </si>
  <si>
    <t>土日祝日9：00～17：00。定期休館日：第1・第3火曜日、年末年始、特別整理期間。</t>
    <rPh sb="0" eb="2">
      <t>ドニチ</t>
    </rPh>
    <rPh sb="2" eb="4">
      <t>シュクジツ</t>
    </rPh>
    <phoneticPr fontId="2"/>
  </si>
  <si>
    <t>ＪＲ逗子駅・京急新逗子駅バス向原下車徒歩5分。P：26台、障がい者用1台（無料）</t>
  </si>
  <si>
    <t>ネット予約については一部町内在住者のみ可。返却ポストは図書館以外に3箇所木古庭会館、葉桜会館、役場庁舎前。パソコンは学習室で一部利用可。多目的トイレ内でのオムツ交換可</t>
    <rPh sb="19" eb="20">
      <t>カ</t>
    </rPh>
    <rPh sb="47" eb="49">
      <t>ヤクバ</t>
    </rPh>
    <rPh sb="49" eb="51">
      <t>チョウシャ</t>
    </rPh>
    <rPh sb="51" eb="52">
      <t>マエ</t>
    </rPh>
    <phoneticPr fontId="2"/>
  </si>
  <si>
    <t>土・日・祝9：00～17：00。定期休館日：月曜日、第1木曜日、年末年始、特別整理日。</t>
    <rPh sb="30" eb="31">
      <t>ヒ</t>
    </rPh>
    <phoneticPr fontId="2"/>
  </si>
  <si>
    <t>JR大磯駅徒歩3分。P：14台、正面玄関前に障がい者用1台（無料）</t>
  </si>
  <si>
    <t>JR大磯駅バス二宮駅北口行月京下車（国府支所2階）P：国府支所駐車場を利用（10台、無料）</t>
  </si>
  <si>
    <t>JR二宮駅徒歩7分。P：施設全体で73台、障がい者用3台（無料）（利用者は1時間まで無料。1時間以降は30分ごとに100円加算）</t>
    <rPh sb="33" eb="36">
      <t>リヨウシャ</t>
    </rPh>
    <phoneticPr fontId="2"/>
  </si>
  <si>
    <t>小田急秦野駅神奈中バス二宮駅行・中井町役場入口行。JR二宮駅神奈中バス秦野駅行。P：無料23台（公民館駐車場）障がい者用3台</t>
    <rPh sb="42" eb="44">
      <t>ムリョウ</t>
    </rPh>
    <rPh sb="46" eb="47">
      <t>ダイ</t>
    </rPh>
    <phoneticPr fontId="2"/>
  </si>
  <si>
    <t>小田急秦野駅神奈中バス中井町役場入口行。JR二宮駅神奈中バス中井町役場入口行。P：無料60台（中井町役場駐車場共用）障がい者用2台</t>
    <rPh sb="11" eb="13">
      <t>ナカイ</t>
    </rPh>
    <rPh sb="13" eb="16">
      <t>マチヤクバ</t>
    </rPh>
    <rPh sb="16" eb="18">
      <t>イリグチ</t>
    </rPh>
    <rPh sb="18" eb="19">
      <t>ユキ</t>
    </rPh>
    <rPh sb="41" eb="43">
      <t>ムリョウ</t>
    </rPh>
    <rPh sb="45" eb="46">
      <t>ダイ</t>
    </rPh>
    <rPh sb="47" eb="49">
      <t>ナカイ</t>
    </rPh>
    <rPh sb="49" eb="52">
      <t>マチヤクバ</t>
    </rPh>
    <rPh sb="52" eb="55">
      <t>チュウシャジョウ</t>
    </rPh>
    <rPh sb="55" eb="57">
      <t>キョウヨウ</t>
    </rPh>
    <phoneticPr fontId="2"/>
  </si>
  <si>
    <t>7,678（児童書含む）</t>
  </si>
  <si>
    <t>定期休館日：第2・第4月曜日（祝日の場合は開館、翌日休館）、年末年始、特別整理期間。</t>
  </si>
  <si>
    <t>JR上大井駅徒歩13分。P：無料90台（生涯学習センター駐車場）</t>
  </si>
  <si>
    <t>富士急行バスいこいの村行東庭下車徒歩1分。P：無料18台</t>
  </si>
  <si>
    <t>小田急新松田駅徒歩5分JR松田駅徒歩5分。P：町役場、隣接している生涯学習センターと共用（40台、無料）</t>
    <rPh sb="33" eb="35">
      <t>ショウガイ</t>
    </rPh>
    <rPh sb="35" eb="37">
      <t>ガクシュウ</t>
    </rPh>
    <phoneticPr fontId="2"/>
  </si>
  <si>
    <t>http://yamakita-lib.jp（ＰＣ用）https://ilisod001.apsel.jp/yamakita-lib/wopc/pc/mSrv?dsp=TP（携帯用）https://ilisod001.apsel.jp/yamakita-lib/sp/（スマートフォン・タブレット用）</t>
    <rPh sb="148" eb="149">
      <t>ヨウ</t>
    </rPh>
    <phoneticPr fontId="2"/>
  </si>
  <si>
    <t>JR山北駅徒歩2分。※P：106台（無料）</t>
  </si>
  <si>
    <t>金9：00～19：00（祝日を除く）。定期休館日：月曜日、祝日の翌日、年末年始、特別整理期間(2月または3月中の2週間)。</t>
    <rPh sb="12" eb="14">
      <t>シュクジツ</t>
    </rPh>
    <rPh sb="15" eb="16">
      <t>ノゾ</t>
    </rPh>
    <rPh sb="48" eb="49">
      <t>ガツ</t>
    </rPh>
    <rPh sb="53" eb="54">
      <t>ガツ</t>
    </rPh>
    <rPh sb="54" eb="55">
      <t>チュウ</t>
    </rPh>
    <rPh sb="57" eb="59">
      <t>シュウカン</t>
    </rPh>
    <phoneticPr fontId="2"/>
  </si>
  <si>
    <t>箱根登山バス・伊豆箱根バス二の平入口下車徒歩3分。箱根登山鉄道彫刻の森駅徒歩10分。P：30台（無料）</t>
  </si>
  <si>
    <t>JR真鶴駅徒歩5分。P：施設全体で11台、障がい者用2台（無料）</t>
  </si>
  <si>
    <t>https://www.klnet.pref.kanagawa.jp/</t>
    <phoneticPr fontId="2"/>
  </si>
  <si>
    <t>おはなし会（0～1歳対象及び2～3歳対象：毎月第1・第3水曜日、4歳～小学生対象：毎月第2・4水曜日、誰でも可：毎週土曜日）。指定場所に限り水分補給のみ可。絵本の蔵書数は2022年3月31日現在</t>
    <rPh sb="12" eb="13">
      <t>オヨ</t>
    </rPh>
    <rPh sb="17" eb="18">
      <t>サイ</t>
    </rPh>
    <rPh sb="18" eb="20">
      <t>タイショウ</t>
    </rPh>
    <rPh sb="33" eb="34">
      <t>サイ</t>
    </rPh>
    <rPh sb="51" eb="52">
      <t>ダレ</t>
    </rPh>
    <rPh sb="54" eb="55">
      <t>カ</t>
    </rPh>
    <rPh sb="56" eb="58">
      <t>マイシュウ</t>
    </rPh>
    <rPh sb="58" eb="61">
      <t>ドヨウビ</t>
    </rPh>
    <phoneticPr fontId="2"/>
  </si>
  <si>
    <t>神奈川県平塚市山下3-29-1</t>
    <phoneticPr fontId="2"/>
  </si>
  <si>
    <t>授乳室はあります。おひざのうえのおはなしかい(0～2歳むけ)(毎月第2・4水曜日11：00～11：30)。すいようびのおはなしかい(幼児から)(毎月第1・3・5水曜日15:00～15:30)。どようびのおはなしかい(4歳くらいから)(毎月第2・第4土曜日15:00～15:30)</t>
    <rPh sb="26" eb="27">
      <t>サイ</t>
    </rPh>
    <rPh sb="109" eb="110">
      <t>サイ</t>
    </rPh>
    <phoneticPr fontId="2"/>
  </si>
  <si>
    <t>授乳室はありませんが、随時そのためのスペースを確保しますのでお申し出ください。おひざのうえのおはなしかい(赤ちゃんから)(毎月第2水曜日・第4火曜日10:30～11:00)。おはなし会(3歳ぐらいから)(毎週木曜日15:30～16:00)</t>
    <rPh sb="0" eb="3">
      <t>ジュニュウシツ</t>
    </rPh>
    <rPh sb="11" eb="13">
      <t>ズイジ</t>
    </rPh>
    <rPh sb="23" eb="25">
      <t>カクホ</t>
    </rPh>
    <rPh sb="31" eb="32">
      <t>モウ</t>
    </rPh>
    <rPh sb="33" eb="34">
      <t>デ</t>
    </rPh>
    <rPh sb="53" eb="54">
      <t>アカ</t>
    </rPh>
    <rPh sb="61" eb="63">
      <t>マイツキ</t>
    </rPh>
    <rPh sb="63" eb="64">
      <t>ダイ</t>
    </rPh>
    <rPh sb="65" eb="68">
      <t>スイヨウビ</t>
    </rPh>
    <rPh sb="69" eb="70">
      <t>ダイ</t>
    </rPh>
    <rPh sb="71" eb="74">
      <t>カヨウビ</t>
    </rPh>
    <rPh sb="91" eb="92">
      <t>カイ</t>
    </rPh>
    <rPh sb="102" eb="104">
      <t>マイシュウ</t>
    </rPh>
    <rPh sb="104" eb="107">
      <t>モクヨウビ</t>
    </rPh>
    <phoneticPr fontId="2"/>
  </si>
  <si>
    <t>授乳室はありませんが、随時そのためのスペースを確保しますのでお申し出ください。おひざのうえのおはなしかい(赤ちゃんから)(毎月第2・4水曜日10:30～11:00)。おはなし会(3歳ぐらいから)(毎月第2・4木曜日15:30～16:00、毎月第2土曜日14:00～14:30)。おはなし会へようこそ(小学1年生から)(毎月第2土曜日15:00～15:30)</t>
    <rPh sb="123" eb="124">
      <t>ド</t>
    </rPh>
    <phoneticPr fontId="2"/>
  </si>
  <si>
    <t>神奈川県厚木市飯山南1-46-5</t>
    <rPh sb="9" eb="10">
      <t>ミナミ</t>
    </rPh>
    <phoneticPr fontId="2"/>
  </si>
  <si>
    <t>11,518（児童書含む）</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F400]h:mm:ss\ AM/PM"/>
    <numFmt numFmtId="177" formatCode="hh:mm:ss"/>
    <numFmt numFmtId="178" formatCode="0_);[Red]\(0\)"/>
    <numFmt numFmtId="179" formatCode="#,##0_ "/>
  </numFmts>
  <fonts count="31" x14ac:knownFonts="1">
    <font>
      <sz val="12"/>
      <color theme="1"/>
      <name val="ＭＳ 明朝"/>
      <family val="2"/>
      <charset val="128"/>
    </font>
    <font>
      <sz val="11"/>
      <color theme="1"/>
      <name val="ＭＳ Ｐゴシック"/>
      <family val="2"/>
      <charset val="128"/>
      <scheme val="minor"/>
    </font>
    <font>
      <sz val="6"/>
      <name val="ＭＳ 明朝"/>
      <family val="2"/>
      <charset val="128"/>
    </font>
    <font>
      <sz val="8.5"/>
      <name val="ＭＳ Ｐ明朝"/>
      <family val="1"/>
      <charset val="128"/>
    </font>
    <font>
      <b/>
      <sz val="15"/>
      <color theme="3"/>
      <name val="ＭＳ 明朝"/>
      <family val="2"/>
      <charset val="128"/>
    </font>
    <font>
      <u/>
      <sz val="12"/>
      <color theme="10"/>
      <name val="ＭＳ 明朝"/>
      <family val="2"/>
      <charset val="128"/>
    </font>
    <font>
      <sz val="6"/>
      <name val="ＭＳ Ｐゴシック"/>
      <family val="3"/>
      <charset val="128"/>
    </font>
    <font>
      <b/>
      <sz val="15"/>
      <color theme="3"/>
      <name val="ＭＳ Ｐゴシック"/>
      <family val="2"/>
      <charset val="128"/>
      <scheme val="minor"/>
    </font>
    <font>
      <b/>
      <sz val="13"/>
      <color theme="3"/>
      <name val="ＭＳ Ｐゴシック"/>
      <family val="2"/>
      <charset val="128"/>
      <scheme val="minor"/>
    </font>
    <font>
      <b/>
      <sz val="11"/>
      <color theme="3"/>
      <name val="ＭＳ Ｐゴシック"/>
      <family val="2"/>
      <charset val="128"/>
      <scheme val="minor"/>
    </font>
    <font>
      <sz val="11"/>
      <color rgb="FF006100"/>
      <name val="ＭＳ Ｐゴシック"/>
      <family val="2"/>
      <charset val="128"/>
      <scheme val="minor"/>
    </font>
    <font>
      <sz val="11"/>
      <color rgb="FF9C0006"/>
      <name val="ＭＳ Ｐゴシック"/>
      <family val="2"/>
      <charset val="128"/>
      <scheme val="minor"/>
    </font>
    <font>
      <sz val="11"/>
      <color rgb="FF9C6500"/>
      <name val="ＭＳ Ｐゴシック"/>
      <family val="2"/>
      <charset val="128"/>
      <scheme val="minor"/>
    </font>
    <font>
      <sz val="11"/>
      <color rgb="FF3F3F76"/>
      <name val="ＭＳ Ｐゴシック"/>
      <family val="2"/>
      <charset val="128"/>
      <scheme val="minor"/>
    </font>
    <font>
      <b/>
      <sz val="11"/>
      <color rgb="FF3F3F3F"/>
      <name val="ＭＳ Ｐゴシック"/>
      <family val="2"/>
      <charset val="128"/>
      <scheme val="minor"/>
    </font>
    <font>
      <b/>
      <sz val="11"/>
      <color rgb="FFFA7D00"/>
      <name val="ＭＳ Ｐゴシック"/>
      <family val="2"/>
      <charset val="128"/>
      <scheme val="minor"/>
    </font>
    <font>
      <sz val="11"/>
      <color rgb="FFFA7D00"/>
      <name val="ＭＳ Ｐゴシック"/>
      <family val="2"/>
      <charset val="128"/>
      <scheme val="minor"/>
    </font>
    <font>
      <b/>
      <sz val="11"/>
      <color theme="0"/>
      <name val="ＭＳ Ｐゴシック"/>
      <family val="2"/>
      <charset val="128"/>
      <scheme val="minor"/>
    </font>
    <font>
      <sz val="11"/>
      <color rgb="FFFF0000"/>
      <name val="ＭＳ Ｐゴシック"/>
      <family val="2"/>
      <charset val="128"/>
      <scheme val="minor"/>
    </font>
    <font>
      <i/>
      <sz val="11"/>
      <color rgb="FF7F7F7F"/>
      <name val="ＭＳ Ｐゴシック"/>
      <family val="2"/>
      <charset val="128"/>
      <scheme val="minor"/>
    </font>
    <font>
      <b/>
      <sz val="11"/>
      <color theme="1"/>
      <name val="ＭＳ Ｐゴシック"/>
      <family val="2"/>
      <charset val="128"/>
      <scheme val="minor"/>
    </font>
    <font>
      <sz val="11"/>
      <color theme="0"/>
      <name val="ＭＳ Ｐゴシック"/>
      <family val="2"/>
      <charset val="128"/>
      <scheme val="minor"/>
    </font>
    <font>
      <b/>
      <sz val="18"/>
      <color theme="3"/>
      <name val="ＭＳ Ｐゴシック"/>
      <family val="2"/>
      <charset val="128"/>
      <scheme val="major"/>
    </font>
    <font>
      <sz val="6"/>
      <name val="ＭＳ 明朝"/>
      <family val="1"/>
      <charset val="128"/>
    </font>
    <font>
      <sz val="12"/>
      <color theme="1"/>
      <name val="ＭＳ 明朝"/>
      <family val="2"/>
      <charset val="128"/>
    </font>
    <font>
      <sz val="12"/>
      <name val="ＭＳ 明朝"/>
      <family val="1"/>
      <charset val="128"/>
    </font>
    <font>
      <sz val="9"/>
      <name val="ＭＳ 明朝"/>
      <family val="1"/>
      <charset val="128"/>
    </font>
    <font>
      <sz val="10"/>
      <name val="ＭＳ 明朝"/>
      <family val="1"/>
      <charset val="128"/>
    </font>
    <font>
      <strike/>
      <sz val="12"/>
      <name val="ＭＳ 明朝"/>
      <family val="1"/>
      <charset val="128"/>
    </font>
    <font>
      <sz val="11"/>
      <name val="ＭＳ 明朝"/>
      <family val="1"/>
      <charset val="128"/>
    </font>
    <font>
      <sz val="16"/>
      <name val="ＭＳ 明朝"/>
      <family val="1"/>
      <charset val="128"/>
    </font>
  </fonts>
  <fills count="35">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4" tint="0.79998168889431442"/>
        <bgColor indexed="64"/>
      </patternFill>
    </fill>
    <fill>
      <patternFill patternType="solid">
        <fgColor theme="0"/>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46">
    <xf numFmtId="0" fontId="0" fillId="0" borderId="0">
      <alignment vertical="center"/>
    </xf>
    <xf numFmtId="0" fontId="3" fillId="0" borderId="0">
      <alignment horizontal="left" vertical="center" wrapText="1"/>
    </xf>
    <xf numFmtId="0" fontId="5" fillId="0" borderId="0" applyNumberFormat="0" applyFill="0" applyBorder="0" applyAlignment="0" applyProtection="0">
      <alignment vertical="center"/>
    </xf>
    <xf numFmtId="0" fontId="7" fillId="0" borderId="2" applyNumberFormat="0" applyFill="0" applyAlignment="0" applyProtection="0">
      <alignment vertical="center"/>
    </xf>
    <xf numFmtId="0" fontId="8" fillId="0" borderId="3" applyNumberFormat="0" applyFill="0" applyAlignment="0" applyProtection="0">
      <alignment vertical="center"/>
    </xf>
    <xf numFmtId="0" fontId="9" fillId="0" borderId="4" applyNumberFormat="0" applyFill="0" applyAlignment="0" applyProtection="0">
      <alignment vertical="center"/>
    </xf>
    <xf numFmtId="0" fontId="9" fillId="0" borderId="0" applyNumberFormat="0" applyFill="0" applyBorder="0" applyAlignment="0" applyProtection="0">
      <alignment vertical="center"/>
    </xf>
    <xf numFmtId="0" fontId="10" fillId="2" borderId="0" applyNumberFormat="0" applyBorder="0" applyAlignment="0" applyProtection="0">
      <alignment vertical="center"/>
    </xf>
    <xf numFmtId="0" fontId="11" fillId="3" borderId="0" applyNumberFormat="0" applyBorder="0" applyAlignment="0" applyProtection="0">
      <alignment vertical="center"/>
    </xf>
    <xf numFmtId="0" fontId="12" fillId="4" borderId="0" applyNumberFormat="0" applyBorder="0" applyAlignment="0" applyProtection="0">
      <alignment vertical="center"/>
    </xf>
    <xf numFmtId="0" fontId="13" fillId="5" borderId="5" applyNumberFormat="0" applyAlignment="0" applyProtection="0">
      <alignment vertical="center"/>
    </xf>
    <xf numFmtId="0" fontId="14" fillId="6" borderId="6" applyNumberFormat="0" applyAlignment="0" applyProtection="0">
      <alignment vertical="center"/>
    </xf>
    <xf numFmtId="0" fontId="15" fillId="6" borderId="5" applyNumberFormat="0" applyAlignment="0" applyProtection="0">
      <alignment vertical="center"/>
    </xf>
    <xf numFmtId="0" fontId="16" fillId="0" borderId="7" applyNumberFormat="0" applyFill="0" applyAlignment="0" applyProtection="0">
      <alignment vertical="center"/>
    </xf>
    <xf numFmtId="0" fontId="17" fillId="7" borderId="8" applyNumberFormat="0" applyAlignment="0" applyProtection="0">
      <alignment vertical="center"/>
    </xf>
    <xf numFmtId="0" fontId="18" fillId="0" borderId="0" applyNumberFormat="0" applyFill="0" applyBorder="0" applyAlignment="0" applyProtection="0">
      <alignment vertical="center"/>
    </xf>
    <xf numFmtId="0" fontId="19" fillId="0" borderId="0" applyNumberFormat="0" applyFill="0" applyBorder="0" applyAlignment="0" applyProtection="0">
      <alignment vertical="center"/>
    </xf>
    <xf numFmtId="0" fontId="20" fillId="0" borderId="10" applyNumberFormat="0" applyFill="0" applyAlignment="0" applyProtection="0">
      <alignment vertical="center"/>
    </xf>
    <xf numFmtId="0" fontId="21"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21" fillId="12" borderId="0" applyNumberFormat="0" applyBorder="0" applyAlignment="0" applyProtection="0">
      <alignment vertical="center"/>
    </xf>
    <xf numFmtId="0" fontId="21"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21" fillId="16" borderId="0" applyNumberFormat="0" applyBorder="0" applyAlignment="0" applyProtection="0">
      <alignment vertical="center"/>
    </xf>
    <xf numFmtId="0" fontId="21"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21" fillId="20" borderId="0" applyNumberFormat="0" applyBorder="0" applyAlignment="0" applyProtection="0">
      <alignment vertical="center"/>
    </xf>
    <xf numFmtId="0" fontId="21"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21" fillId="24" borderId="0" applyNumberFormat="0" applyBorder="0" applyAlignment="0" applyProtection="0">
      <alignment vertical="center"/>
    </xf>
    <xf numFmtId="0" fontId="21"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21" fillId="28" borderId="0" applyNumberFormat="0" applyBorder="0" applyAlignment="0" applyProtection="0">
      <alignment vertical="center"/>
    </xf>
    <xf numFmtId="0" fontId="21"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21" fillId="32" borderId="0" applyNumberFormat="0" applyBorder="0" applyAlignment="0" applyProtection="0">
      <alignment vertical="center"/>
    </xf>
    <xf numFmtId="0" fontId="1" fillId="0" borderId="0">
      <alignment vertical="center"/>
    </xf>
    <xf numFmtId="0" fontId="22" fillId="0" borderId="0" applyNumberFormat="0" applyFill="0" applyBorder="0" applyAlignment="0" applyProtection="0">
      <alignment vertical="center"/>
    </xf>
    <xf numFmtId="0" fontId="1" fillId="8" borderId="9" applyNumberFormat="0" applyFont="0" applyAlignment="0" applyProtection="0">
      <alignment vertical="center"/>
    </xf>
    <xf numFmtId="38" fontId="24" fillId="0" borderId="0" applyFont="0" applyFill="0" applyBorder="0" applyAlignment="0" applyProtection="0">
      <alignment vertical="center"/>
    </xf>
  </cellStyleXfs>
  <cellXfs count="62">
    <xf numFmtId="0" fontId="0" fillId="0" borderId="0" xfId="0">
      <alignment vertical="center"/>
    </xf>
    <xf numFmtId="0" fontId="25" fillId="33" borderId="1" xfId="0" applyFont="1" applyFill="1" applyBorder="1" applyAlignment="1">
      <alignment horizontal="left" vertical="center" wrapText="1"/>
    </xf>
    <xf numFmtId="0" fontId="25" fillId="33" borderId="1" xfId="0" applyFont="1" applyFill="1" applyBorder="1" applyAlignment="1">
      <alignment vertical="center" wrapText="1"/>
    </xf>
    <xf numFmtId="0" fontId="25" fillId="0" borderId="1" xfId="0" applyFont="1" applyFill="1" applyBorder="1" applyAlignment="1">
      <alignment vertical="center" wrapText="1"/>
    </xf>
    <xf numFmtId="0" fontId="25" fillId="0" borderId="1" xfId="0" applyFont="1" applyFill="1" applyBorder="1" applyAlignment="1">
      <alignment horizontal="right" vertical="center" wrapText="1"/>
    </xf>
    <xf numFmtId="0" fontId="25" fillId="0" borderId="1" xfId="0" applyFont="1" applyFill="1" applyBorder="1" applyAlignment="1">
      <alignment vertical="center"/>
    </xf>
    <xf numFmtId="177" fontId="25" fillId="0" borderId="1" xfId="0" applyNumberFormat="1" applyFont="1" applyFill="1" applyBorder="1" applyAlignment="1">
      <alignment vertical="center" wrapText="1"/>
    </xf>
    <xf numFmtId="0" fontId="25" fillId="0" borderId="0" xfId="0" applyFont="1" applyFill="1">
      <alignment vertical="center"/>
    </xf>
    <xf numFmtId="0" fontId="25" fillId="0" borderId="0" xfId="0" applyFont="1" applyFill="1" applyAlignment="1">
      <alignment vertical="center" wrapText="1"/>
    </xf>
    <xf numFmtId="0" fontId="28" fillId="0" borderId="1" xfId="0" applyFont="1" applyFill="1" applyBorder="1" applyAlignment="1">
      <alignment vertical="center" wrapText="1"/>
    </xf>
    <xf numFmtId="177" fontId="28" fillId="0" borderId="1" xfId="0" applyNumberFormat="1" applyFont="1" applyFill="1" applyBorder="1" applyAlignment="1">
      <alignment vertical="center" wrapText="1"/>
    </xf>
    <xf numFmtId="0" fontId="25" fillId="0" borderId="1" xfId="0" applyFont="1" applyFill="1" applyBorder="1" applyAlignment="1">
      <alignment horizontal="left" vertical="center" wrapText="1"/>
    </xf>
    <xf numFmtId="177" fontId="25" fillId="0" borderId="1" xfId="0" applyNumberFormat="1" applyFont="1" applyFill="1" applyBorder="1" applyAlignment="1">
      <alignment vertical="center"/>
    </xf>
    <xf numFmtId="0" fontId="25" fillId="0" borderId="1" xfId="0" applyFont="1" applyFill="1" applyBorder="1" applyAlignment="1">
      <alignment horizontal="left" vertical="center"/>
    </xf>
    <xf numFmtId="177" fontId="25" fillId="0" borderId="1" xfId="0" applyNumberFormat="1" applyFont="1" applyFill="1" applyBorder="1" applyAlignment="1">
      <alignment horizontal="left" vertical="center" wrapText="1"/>
    </xf>
    <xf numFmtId="0" fontId="25" fillId="0" borderId="0" xfId="0" applyFont="1" applyFill="1" applyAlignment="1">
      <alignment horizontal="left" vertical="center"/>
    </xf>
    <xf numFmtId="0" fontId="25" fillId="0" borderId="1" xfId="0" applyFont="1" applyFill="1" applyBorder="1" applyAlignment="1">
      <alignment horizontal="right" vertical="center"/>
    </xf>
    <xf numFmtId="0" fontId="26" fillId="0" borderId="1" xfId="0" applyFont="1" applyFill="1" applyBorder="1" applyAlignment="1">
      <alignment horizontal="left" vertical="center" wrapText="1"/>
    </xf>
    <xf numFmtId="0" fontId="28" fillId="0" borderId="1" xfId="0" applyFont="1" applyFill="1" applyBorder="1" applyAlignment="1">
      <alignment horizontal="left" vertical="center" wrapText="1"/>
    </xf>
    <xf numFmtId="0" fontId="25" fillId="0" borderId="1" xfId="2" applyFont="1" applyFill="1" applyBorder="1" applyAlignment="1">
      <alignment horizontal="left" vertical="center"/>
    </xf>
    <xf numFmtId="176" fontId="25" fillId="33" borderId="1" xfId="0" applyNumberFormat="1" applyFont="1" applyFill="1" applyBorder="1" applyAlignment="1">
      <alignment vertical="center" wrapText="1"/>
    </xf>
    <xf numFmtId="177" fontId="25" fillId="33" borderId="1" xfId="0" applyNumberFormat="1" applyFont="1" applyFill="1" applyBorder="1" applyAlignment="1">
      <alignment vertical="center" wrapText="1"/>
    </xf>
    <xf numFmtId="177" fontId="25" fillId="33" borderId="1" xfId="0" applyNumberFormat="1" applyFont="1" applyFill="1" applyBorder="1" applyAlignment="1">
      <alignment horizontal="left" vertical="center" wrapText="1"/>
    </xf>
    <xf numFmtId="0" fontId="25" fillId="0" borderId="1" xfId="0" applyFont="1" applyBorder="1" applyAlignment="1">
      <alignment vertical="center" wrapText="1"/>
    </xf>
    <xf numFmtId="0" fontId="25" fillId="0" borderId="1" xfId="0" quotePrefix="1" applyFont="1" applyBorder="1" applyAlignment="1">
      <alignment vertical="center"/>
    </xf>
    <xf numFmtId="0" fontId="25" fillId="33" borderId="1" xfId="0" applyFont="1" applyFill="1" applyBorder="1" applyAlignment="1">
      <alignment vertical="center"/>
    </xf>
    <xf numFmtId="0" fontId="25" fillId="0" borderId="0" xfId="0" applyFont="1">
      <alignment vertical="center"/>
    </xf>
    <xf numFmtId="0" fontId="25" fillId="0" borderId="1" xfId="0" quotePrefix="1" applyFont="1" applyFill="1" applyBorder="1" applyAlignment="1">
      <alignment vertical="center"/>
    </xf>
    <xf numFmtId="21" fontId="25" fillId="0" borderId="1" xfId="0" applyNumberFormat="1" applyFont="1" applyFill="1" applyBorder="1" applyAlignment="1">
      <alignment vertical="center"/>
    </xf>
    <xf numFmtId="0" fontId="25" fillId="0" borderId="0" xfId="0" applyFont="1" applyFill="1" applyAlignment="1">
      <alignment horizontal="right" vertical="center"/>
    </xf>
    <xf numFmtId="0" fontId="25" fillId="0" borderId="0" xfId="0" applyFont="1" applyFill="1" applyAlignment="1">
      <alignment vertical="center"/>
    </xf>
    <xf numFmtId="0" fontId="25" fillId="0" borderId="1" xfId="0" quotePrefix="1" applyFont="1" applyFill="1" applyBorder="1" applyAlignment="1">
      <alignment vertical="center" wrapText="1"/>
    </xf>
    <xf numFmtId="0" fontId="25" fillId="0" borderId="0" xfId="2" applyFont="1" applyFill="1" applyAlignment="1">
      <alignment horizontal="left" vertical="center"/>
    </xf>
    <xf numFmtId="0" fontId="25" fillId="0" borderId="12" xfId="0" applyFont="1" applyFill="1" applyBorder="1" applyAlignment="1">
      <alignment vertical="center" wrapText="1"/>
    </xf>
    <xf numFmtId="0" fontId="25" fillId="0" borderId="12" xfId="0" applyFont="1" applyFill="1" applyBorder="1" applyAlignment="1">
      <alignment vertical="center"/>
    </xf>
    <xf numFmtId="0" fontId="25" fillId="0" borderId="12" xfId="0" applyFont="1" applyFill="1" applyBorder="1" applyAlignment="1">
      <alignment horizontal="left" vertical="center" wrapText="1"/>
    </xf>
    <xf numFmtId="0" fontId="25" fillId="0" borderId="12" xfId="0" applyFont="1" applyFill="1" applyBorder="1" applyAlignment="1">
      <alignment horizontal="right" vertical="center"/>
    </xf>
    <xf numFmtId="0" fontId="25" fillId="0" borderId="11" xfId="0" applyFont="1" applyFill="1" applyBorder="1" applyAlignment="1">
      <alignment vertical="center"/>
    </xf>
    <xf numFmtId="0" fontId="25" fillId="0" borderId="13" xfId="0" applyFont="1" applyFill="1" applyBorder="1" applyAlignment="1">
      <alignment vertical="center"/>
    </xf>
    <xf numFmtId="0" fontId="25" fillId="34" borderId="1" xfId="0" applyFont="1" applyFill="1" applyBorder="1" applyAlignment="1">
      <alignment vertical="center" wrapText="1"/>
    </xf>
    <xf numFmtId="177" fontId="25" fillId="0" borderId="1" xfId="0" applyNumberFormat="1" applyFont="1" applyFill="1" applyBorder="1" applyAlignment="1">
      <alignment horizontal="right" vertical="center"/>
    </xf>
    <xf numFmtId="21" fontId="25" fillId="0" borderId="1" xfId="0" applyNumberFormat="1" applyFont="1" applyFill="1" applyBorder="1" applyAlignment="1">
      <alignment horizontal="right" vertical="center"/>
    </xf>
    <xf numFmtId="177" fontId="25" fillId="0" borderId="1" xfId="0" applyNumberFormat="1" applyFont="1" applyFill="1" applyBorder="1" applyAlignment="1">
      <alignment horizontal="right" vertical="center" wrapText="1"/>
    </xf>
    <xf numFmtId="177" fontId="28" fillId="0" borderId="1" xfId="0" applyNumberFormat="1" applyFont="1" applyFill="1" applyBorder="1" applyAlignment="1">
      <alignment horizontal="right" vertical="center" wrapText="1"/>
    </xf>
    <xf numFmtId="0" fontId="25" fillId="0" borderId="0" xfId="0" applyFont="1" applyAlignment="1">
      <alignment horizontal="left" vertical="center"/>
    </xf>
    <xf numFmtId="0" fontId="25" fillId="0" borderId="1" xfId="2" applyFont="1" applyFill="1" applyBorder="1" applyAlignment="1">
      <alignment vertical="center"/>
    </xf>
    <xf numFmtId="0" fontId="28" fillId="0" borderId="1" xfId="0" applyFont="1" applyFill="1" applyBorder="1" applyAlignment="1">
      <alignment horizontal="left" vertical="center"/>
    </xf>
    <xf numFmtId="0" fontId="29" fillId="0" borderId="1" xfId="0" applyFont="1" applyFill="1" applyBorder="1" applyAlignment="1">
      <alignment horizontal="left" vertical="center" wrapText="1"/>
    </xf>
    <xf numFmtId="0" fontId="27" fillId="0" borderId="1" xfId="0" applyFont="1" applyFill="1" applyBorder="1" applyAlignment="1">
      <alignment horizontal="left" vertical="center" wrapText="1"/>
    </xf>
    <xf numFmtId="38" fontId="25" fillId="0" borderId="1" xfId="45" applyFont="1" applyFill="1" applyBorder="1" applyAlignment="1">
      <alignment horizontal="right" vertical="center" wrapText="1"/>
    </xf>
    <xf numFmtId="179" fontId="25" fillId="0" borderId="1" xfId="0" applyNumberFormat="1" applyFont="1" applyFill="1" applyBorder="1" applyAlignment="1">
      <alignment horizontal="right" vertical="center" wrapText="1"/>
    </xf>
    <xf numFmtId="0" fontId="30" fillId="0" borderId="1" xfId="0" applyFont="1" applyFill="1" applyBorder="1" applyAlignment="1">
      <alignment horizontal="left" vertical="center" wrapText="1"/>
    </xf>
    <xf numFmtId="0" fontId="30" fillId="0" borderId="1" xfId="0" applyFont="1" applyFill="1" applyBorder="1" applyAlignment="1">
      <alignment horizontal="right" vertical="center" wrapText="1"/>
    </xf>
    <xf numFmtId="0" fontId="25" fillId="0" borderId="1" xfId="0" applyFont="1" applyBorder="1" applyAlignment="1">
      <alignment vertical="center"/>
    </xf>
    <xf numFmtId="14" fontId="25" fillId="0" borderId="1" xfId="0" applyNumberFormat="1" applyFont="1" applyFill="1" applyBorder="1">
      <alignment vertical="center"/>
    </xf>
    <xf numFmtId="178" fontId="25" fillId="0" borderId="0" xfId="0" applyNumberFormat="1" applyFont="1" applyFill="1" applyAlignment="1">
      <alignment horizontal="left" vertical="center"/>
    </xf>
    <xf numFmtId="178" fontId="25" fillId="33" borderId="1" xfId="0" applyNumberFormat="1" applyFont="1" applyFill="1" applyBorder="1" applyAlignment="1">
      <alignment horizontal="left" vertical="center" wrapText="1"/>
    </xf>
    <xf numFmtId="178" fontId="25" fillId="0" borderId="1" xfId="0" applyNumberFormat="1" applyFont="1" applyFill="1" applyBorder="1" applyAlignment="1">
      <alignment horizontal="left" vertical="center"/>
    </xf>
    <xf numFmtId="178" fontId="25" fillId="0" borderId="1" xfId="0" applyNumberFormat="1" applyFont="1" applyFill="1" applyBorder="1" applyAlignment="1">
      <alignment horizontal="left" vertical="center" wrapText="1"/>
    </xf>
    <xf numFmtId="178" fontId="25" fillId="0" borderId="1" xfId="0" quotePrefix="1" applyNumberFormat="1" applyFont="1" applyFill="1" applyBorder="1" applyAlignment="1">
      <alignment horizontal="left" vertical="center"/>
    </xf>
    <xf numFmtId="178" fontId="25" fillId="0" borderId="1" xfId="0" quotePrefix="1" applyNumberFormat="1" applyFont="1" applyFill="1" applyBorder="1" applyAlignment="1">
      <alignment horizontal="left" vertical="center" wrapText="1"/>
    </xf>
    <xf numFmtId="178" fontId="25" fillId="0" borderId="1" xfId="0" applyNumberFormat="1" applyFont="1" applyFill="1" applyBorder="1" applyAlignment="1">
      <alignment horizontal="left" vertical="center" shrinkToFit="1"/>
    </xf>
  </cellXfs>
  <cellStyles count="46">
    <cellStyle name="20% - アクセント 1" xfId="19" builtinId="30" customBuiltin="1"/>
    <cellStyle name="20% - アクセント 2" xfId="23" builtinId="34" customBuiltin="1"/>
    <cellStyle name="20% - アクセント 3" xfId="27" builtinId="38" customBuiltin="1"/>
    <cellStyle name="20% - アクセント 4" xfId="31" builtinId="42" customBuiltin="1"/>
    <cellStyle name="20% - アクセント 5" xfId="35" builtinId="46" customBuiltin="1"/>
    <cellStyle name="20% - アクセント 6" xfId="39" builtinId="50" customBuiltin="1"/>
    <cellStyle name="40% - アクセント 1" xfId="20" builtinId="31" customBuiltin="1"/>
    <cellStyle name="40% - アクセント 2" xfId="24" builtinId="35" customBuiltin="1"/>
    <cellStyle name="40% - アクセント 3" xfId="28" builtinId="39" customBuiltin="1"/>
    <cellStyle name="40% - アクセント 4" xfId="32" builtinId="43" customBuiltin="1"/>
    <cellStyle name="40% - アクセント 5" xfId="36" builtinId="47" customBuiltin="1"/>
    <cellStyle name="40% - アクセント 6" xfId="40" builtinId="51" customBuiltin="1"/>
    <cellStyle name="60% - アクセント 1" xfId="21" builtinId="32" customBuiltin="1"/>
    <cellStyle name="60% - アクセント 2" xfId="25" builtinId="36" customBuiltin="1"/>
    <cellStyle name="60% - アクセント 3" xfId="29" builtinId="40" customBuiltin="1"/>
    <cellStyle name="60% - アクセント 4" xfId="33" builtinId="44" customBuiltin="1"/>
    <cellStyle name="60% - アクセント 5" xfId="37" builtinId="48" customBuiltin="1"/>
    <cellStyle name="60% - アクセント 6" xfId="41" builtinId="52" customBuiltin="1"/>
    <cellStyle name="アクセント 1" xfId="18" builtinId="29" customBuiltin="1"/>
    <cellStyle name="アクセント 2" xfId="22" builtinId="33" customBuiltin="1"/>
    <cellStyle name="アクセント 3" xfId="26" builtinId="37" customBuiltin="1"/>
    <cellStyle name="アクセント 4" xfId="30" builtinId="41" customBuiltin="1"/>
    <cellStyle name="アクセント 5" xfId="34" builtinId="45" customBuiltin="1"/>
    <cellStyle name="アクセント 6" xfId="38" builtinId="49" customBuiltin="1"/>
    <cellStyle name="タイトル 2" xfId="43"/>
    <cellStyle name="チェック セル" xfId="14" builtinId="23" customBuiltin="1"/>
    <cellStyle name="どちらでもない" xfId="9" builtinId="28" customBuiltin="1"/>
    <cellStyle name="ハイパーリンク" xfId="2" builtinId="8"/>
    <cellStyle name="メモ 2" xfId="44"/>
    <cellStyle name="リンク セル" xfId="13" builtinId="24" customBuiltin="1"/>
    <cellStyle name="悪い" xfId="8" builtinId="27" customBuiltin="1"/>
    <cellStyle name="計算" xfId="12" builtinId="22" customBuiltin="1"/>
    <cellStyle name="警告文" xfId="15" builtinId="11" customBuiltin="1"/>
    <cellStyle name="桁区切り" xfId="45" builtinId="6"/>
    <cellStyle name="見出し 1" xfId="3" builtinId="16" customBuiltin="1"/>
    <cellStyle name="見出し 2" xfId="4" builtinId="17" customBuiltin="1"/>
    <cellStyle name="見出し 3" xfId="5" builtinId="18" customBuiltin="1"/>
    <cellStyle name="見出し 4" xfId="6" builtinId="19" customBuiltin="1"/>
    <cellStyle name="集計" xfId="17" builtinId="25" customBuiltin="1"/>
    <cellStyle name="出力" xfId="11" builtinId="21" customBuiltin="1"/>
    <cellStyle name="説明文" xfId="16" builtinId="53" customBuiltin="1"/>
    <cellStyle name="入力" xfId="10" builtinId="20" customBuiltin="1"/>
    <cellStyle name="標準" xfId="0" builtinId="0"/>
    <cellStyle name="標準 2" xfId="1"/>
    <cellStyle name="標準 3" xfId="42"/>
    <cellStyle name="良い" xfId="7" builtinId="26" customBuiltin="1"/>
  </cellStyles>
  <dxfs count="0"/>
  <tableStyles count="0" defaultTableStyle="TableStyleMedium2" defaultPivotStyle="PivotStyleLight16"/>
  <colors>
    <mruColors>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s://www.lib.sagamihara.kanagawa.jp/" TargetMode="External"/><Relationship Id="rId18" Type="http://schemas.openxmlformats.org/officeDocument/2006/relationships/hyperlink" Target="https://www.yokosuka-lib.jp/" TargetMode="External"/><Relationship Id="rId26" Type="http://schemas.openxmlformats.org/officeDocument/2006/relationships/hyperlink" Target="https://chulib@city.kamakura.kanagawa.jp" TargetMode="External"/><Relationship Id="rId39" Type="http://schemas.openxmlformats.org/officeDocument/2006/relationships/hyperlink" Target="https://www.city.atsugi.kanagawa.jp/bunka_sports/kominkan_toshokan/13/4/18599.html" TargetMode="External"/><Relationship Id="rId21" Type="http://schemas.openxmlformats.org/officeDocument/2006/relationships/hyperlink" Target="https://www.yokosuka-lib.jp/" TargetMode="External"/><Relationship Id="rId34" Type="http://schemas.openxmlformats.org/officeDocument/2006/relationships/hyperlink" Target="http://www.library.city.zushi.lg.jp/" TargetMode="External"/><Relationship Id="rId42" Type="http://schemas.openxmlformats.org/officeDocument/2006/relationships/hyperlink" Target="https://www.city.atsugi.kanagawa.jp/bunka_sports/kominkan_toshokan/13/4/18602.html" TargetMode="External"/><Relationship Id="rId47" Type="http://schemas.openxmlformats.org/officeDocument/2006/relationships/hyperlink" Target="http://www.yamato-bunka.jp/library/" TargetMode="External"/><Relationship Id="rId50" Type="http://schemas.openxmlformats.org/officeDocument/2006/relationships/hyperlink" Target="https://ebina.city-library.jp/" TargetMode="External"/><Relationship Id="rId7" Type="http://schemas.openxmlformats.org/officeDocument/2006/relationships/hyperlink" Target="https://www.town.yugawara.kanagawa.jp/soshiki/30/1821.html" TargetMode="External"/><Relationship Id="rId2" Type="http://schemas.openxmlformats.org/officeDocument/2006/relationships/hyperlink" Target="https://ilisod003.apsel.jp/kaiseitown-lib/" TargetMode="External"/><Relationship Id="rId16" Type="http://schemas.openxmlformats.org/officeDocument/2006/relationships/hyperlink" Target="https://www.yokosuka-lib.jp/" TargetMode="External"/><Relationship Id="rId29" Type="http://schemas.openxmlformats.org/officeDocument/2006/relationships/hyperlink" Target="http://www.lib.city.fujisawa.kanagawa.jp/" TargetMode="External"/><Relationship Id="rId11" Type="http://schemas.openxmlformats.org/officeDocument/2006/relationships/hyperlink" Target="https://www.lib.sagamihara.kanagawa.jp/TOSHOW/asp/index.aspx" TargetMode="External"/><Relationship Id="rId24" Type="http://schemas.openxmlformats.org/officeDocument/2006/relationships/hyperlink" Target="https://www.yokosuka-lib.jp/" TargetMode="External"/><Relationship Id="rId32" Type="http://schemas.openxmlformats.org/officeDocument/2006/relationships/hyperlink" Target="http://www.library.city.zushi.lg.jp/" TargetMode="External"/><Relationship Id="rId37" Type="http://schemas.openxmlformats.org/officeDocument/2006/relationships/hyperlink" Target="https://www.city.atsugi.kanagawa.jp/bunka_sports/kominkan_toshokan/13/4/18597.html" TargetMode="External"/><Relationship Id="rId40" Type="http://schemas.openxmlformats.org/officeDocument/2006/relationships/hyperlink" Target="https://www.city.atsugi.kanagawa.jp/bunka_sports/kominkan_toshokan/13/4/18600.html" TargetMode="External"/><Relationship Id="rId45" Type="http://schemas.openxmlformats.org/officeDocument/2006/relationships/hyperlink" Target="https://www.city.atsugi.kanagawa.jp/bunka_sports/kominkan_toshokan/13/4/18605.html" TargetMode="External"/><Relationship Id="rId53" Type="http://schemas.openxmlformats.org/officeDocument/2006/relationships/hyperlink" Target="https://www.ninomiya-public-library.jp/" TargetMode="External"/><Relationship Id="rId5" Type="http://schemas.openxmlformats.org/officeDocument/2006/relationships/hyperlink" Target="https://www.lib.chigasaki.kanagawa.jp/" TargetMode="External"/><Relationship Id="rId10" Type="http://schemas.openxmlformats.org/officeDocument/2006/relationships/hyperlink" Target="https://www.city.yokohama.lg.jp/kurashi/kyodo-manabi/library/tshokan/minami/" TargetMode="External"/><Relationship Id="rId19" Type="http://schemas.openxmlformats.org/officeDocument/2006/relationships/hyperlink" Target="https://www.yokosuka-lib.jp/" TargetMode="External"/><Relationship Id="rId31" Type="http://schemas.openxmlformats.org/officeDocument/2006/relationships/hyperlink" Target="http://www.city.odawara.kanagawa.jp/public-i/facilities/library/" TargetMode="External"/><Relationship Id="rId44" Type="http://schemas.openxmlformats.org/officeDocument/2006/relationships/hyperlink" Target="https://www.city.atsugi.kanagawa.jp/bunka_sports/kominkan_toshokan/13/4/18604.html" TargetMode="External"/><Relationship Id="rId52" Type="http://schemas.openxmlformats.org/officeDocument/2006/relationships/hyperlink" Target="https://oiso-lib.scn-net.ne.jp/" TargetMode="External"/><Relationship Id="rId4" Type="http://schemas.openxmlformats.org/officeDocument/2006/relationships/hyperlink" Target="https://www.lib.chigasaki.kanagawa.jp/" TargetMode="External"/><Relationship Id="rId9" Type="http://schemas.openxmlformats.org/officeDocument/2006/relationships/hyperlink" Target="https://www.city.yokohama.lg.jp/kurashi/kyodo-manabi/library/" TargetMode="External"/><Relationship Id="rId14" Type="http://schemas.openxmlformats.org/officeDocument/2006/relationships/hyperlink" Target="https://www.lib.sagamihara.kanagawa.jp/TOSHOW/asp/index.aspx" TargetMode="External"/><Relationship Id="rId22" Type="http://schemas.openxmlformats.org/officeDocument/2006/relationships/hyperlink" Target="https://www.yokosuka-lib.jp/" TargetMode="External"/><Relationship Id="rId27" Type="http://schemas.openxmlformats.org/officeDocument/2006/relationships/hyperlink" Target="https://chulib@city.kamakura.kanagawa.jp" TargetMode="External"/><Relationship Id="rId30" Type="http://schemas.openxmlformats.org/officeDocument/2006/relationships/hyperlink" Target="http://www.city.odawara.kanagawa.jp/public-i/facilities/library/" TargetMode="External"/><Relationship Id="rId35" Type="http://schemas.openxmlformats.org/officeDocument/2006/relationships/hyperlink" Target="http://www.city.miura.kanagawa.jp/tosho/toshokan.html" TargetMode="External"/><Relationship Id="rId43" Type="http://schemas.openxmlformats.org/officeDocument/2006/relationships/hyperlink" Target="https://www.city.atsugi.kanagawa.jp/bunka_sports/kominkan_toshokan/13/4/18603.html" TargetMode="External"/><Relationship Id="rId48" Type="http://schemas.openxmlformats.org/officeDocument/2006/relationships/hyperlink" Target="http://www.lib-isehara.jp/" TargetMode="External"/><Relationship Id="rId8" Type="http://schemas.openxmlformats.org/officeDocument/2006/relationships/hyperlink" Target="http://www.klnet.pref.kanagawa.jp/" TargetMode="External"/><Relationship Id="rId51" Type="http://schemas.openxmlformats.org/officeDocument/2006/relationships/hyperlink" Target="https://www.ayaselib.jp/" TargetMode="External"/><Relationship Id="rId3" Type="http://schemas.openxmlformats.org/officeDocument/2006/relationships/hyperlink" Target="http://www.town.kiyokawa.kanagawa.jp/soshiki/kyoikuinkai/413.html" TargetMode="External"/><Relationship Id="rId12" Type="http://schemas.openxmlformats.org/officeDocument/2006/relationships/hyperlink" Target="https://www.lib.sagamihara.kanagawa.jp/" TargetMode="External"/><Relationship Id="rId17" Type="http://schemas.openxmlformats.org/officeDocument/2006/relationships/hyperlink" Target="https://www.yokosuka-lib.jp/" TargetMode="External"/><Relationship Id="rId25" Type="http://schemas.openxmlformats.org/officeDocument/2006/relationships/hyperlink" Target="http://www.lib.city.hiratsuka.kanagawa.jp/" TargetMode="External"/><Relationship Id="rId33" Type="http://schemas.openxmlformats.org/officeDocument/2006/relationships/hyperlink" Target="http://www.library.city.zushi.lg.jp/" TargetMode="External"/><Relationship Id="rId38" Type="http://schemas.openxmlformats.org/officeDocument/2006/relationships/hyperlink" Target="https://www.city.atsugi.kanagawa.jp/bunka_sports/kominkan_toshokan/13/4/18598.html" TargetMode="External"/><Relationship Id="rId46" Type="http://schemas.openxmlformats.org/officeDocument/2006/relationships/hyperlink" Target="https://www.city.atsugi.kanagawa.jp/bunka_sports/kominkan_toshokan/13/index.html" TargetMode="External"/><Relationship Id="rId20" Type="http://schemas.openxmlformats.org/officeDocument/2006/relationships/hyperlink" Target="https://www.yokosuka-lib.jp/" TargetMode="External"/><Relationship Id="rId41" Type="http://schemas.openxmlformats.org/officeDocument/2006/relationships/hyperlink" Target="https://www.city.atsugi.kanagawa.jp/bunka_sports/kominkan_toshokan/13/4/18601.html" TargetMode="External"/><Relationship Id="rId54" Type="http://schemas.openxmlformats.org/officeDocument/2006/relationships/printerSettings" Target="../printerSettings/printerSettings1.bin"/><Relationship Id="rId1" Type="http://schemas.openxmlformats.org/officeDocument/2006/relationships/hyperlink" Target="http://www.library.zama.kanagawa.jp/" TargetMode="External"/><Relationship Id="rId6" Type="http://schemas.openxmlformats.org/officeDocument/2006/relationships/hyperlink" Target="http://lib.ed-minamiashigara.jp/" TargetMode="External"/><Relationship Id="rId15" Type="http://schemas.openxmlformats.org/officeDocument/2006/relationships/hyperlink" Target="https://www.lib.sagamihara.kanagawa.jp/TOSHOW/asp/index.aspx" TargetMode="External"/><Relationship Id="rId23" Type="http://schemas.openxmlformats.org/officeDocument/2006/relationships/hyperlink" Target="https://www.yokosuka-lib.jp/" TargetMode="External"/><Relationship Id="rId28" Type="http://schemas.openxmlformats.org/officeDocument/2006/relationships/hyperlink" Target="http://www.lib.city.fujisawa.kanagawa.jp/" TargetMode="External"/><Relationship Id="rId36" Type="http://schemas.openxmlformats.org/officeDocument/2006/relationships/hyperlink" Target="https://library-hadano.jp/" TargetMode="External"/><Relationship Id="rId49" Type="http://schemas.openxmlformats.org/officeDocument/2006/relationships/hyperlink" Target="https://ebina.city-library.jp/"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N110"/>
  <sheetViews>
    <sheetView tabSelected="1" view="pageBreakPreview" zoomScale="55" zoomScaleNormal="55" zoomScaleSheetLayoutView="55" workbookViewId="0">
      <selection sqref="A1:XFD1"/>
    </sheetView>
  </sheetViews>
  <sheetFormatPr defaultColWidth="9" defaultRowHeight="14.4" x14ac:dyDescent="0.2"/>
  <cols>
    <col min="1" max="1" width="12.5" style="7" customWidth="1"/>
    <col min="2" max="3" width="12.8984375" style="7" customWidth="1"/>
    <col min="4" max="4" width="10.19921875" style="7" customWidth="1"/>
    <col min="5" max="5" width="29.5" style="15" customWidth="1"/>
    <col min="6" max="6" width="22.296875" style="8" customWidth="1"/>
    <col min="7" max="7" width="9.09765625" style="7" customWidth="1"/>
    <col min="8" max="8" width="10.19921875" style="7" customWidth="1"/>
    <col min="9" max="9" width="17.69921875" style="7" customWidth="1"/>
    <col min="10" max="10" width="14.5" style="7" customWidth="1"/>
    <col min="11" max="11" width="36.09765625" style="8" customWidth="1"/>
    <col min="12" max="13" width="9.296875" style="30" customWidth="1"/>
    <col min="14" max="14" width="16" style="7" customWidth="1"/>
    <col min="15" max="15" width="16.5" style="55" customWidth="1"/>
    <col min="16" max="16" width="13.796875" style="7" customWidth="1"/>
    <col min="17" max="17" width="21.09765625" style="7" customWidth="1"/>
    <col min="18" max="19" width="12.296875" style="7" customWidth="1"/>
    <col min="20" max="20" width="46.69921875" style="8" customWidth="1"/>
    <col min="21" max="21" width="9" style="7"/>
    <col min="22" max="22" width="11.296875" style="7" customWidth="1"/>
    <col min="23" max="25" width="9" style="7" customWidth="1"/>
    <col min="26" max="26" width="44" style="8" customWidth="1"/>
    <col min="27" max="27" width="17.19921875" style="8" customWidth="1"/>
    <col min="28" max="28" width="42.296875" style="8" customWidth="1"/>
    <col min="29" max="29" width="29.8984375" style="8" customWidth="1"/>
    <col min="30" max="37" width="9" style="7" customWidth="1"/>
    <col min="38" max="38" width="13.296875" style="7" customWidth="1"/>
    <col min="39" max="39" width="87.59765625" style="15" customWidth="1"/>
    <col min="40" max="40" width="16.09765625" style="7" customWidth="1"/>
    <col min="41" max="16384" width="9" style="7"/>
  </cols>
  <sheetData>
    <row r="1" spans="1:40" ht="107.4" customHeight="1" x14ac:dyDescent="0.2">
      <c r="A1" s="3" t="s">
        <v>608</v>
      </c>
      <c r="B1" s="3" t="s">
        <v>609</v>
      </c>
      <c r="C1" s="3" t="s">
        <v>610</v>
      </c>
      <c r="D1" s="2" t="s">
        <v>75</v>
      </c>
      <c r="E1" s="1" t="s">
        <v>1</v>
      </c>
      <c r="F1" s="2" t="s">
        <v>2</v>
      </c>
      <c r="G1" s="2" t="s">
        <v>461</v>
      </c>
      <c r="H1" s="2" t="s">
        <v>344</v>
      </c>
      <c r="I1" s="2" t="s">
        <v>3</v>
      </c>
      <c r="J1" s="2" t="s">
        <v>108</v>
      </c>
      <c r="K1" s="2" t="s">
        <v>4</v>
      </c>
      <c r="L1" s="2" t="s">
        <v>5</v>
      </c>
      <c r="M1" s="2" t="s">
        <v>6</v>
      </c>
      <c r="N1" s="2" t="s">
        <v>7</v>
      </c>
      <c r="O1" s="56" t="s">
        <v>8</v>
      </c>
      <c r="P1" s="2" t="s">
        <v>483</v>
      </c>
      <c r="Q1" s="2" t="s">
        <v>492</v>
      </c>
      <c r="R1" s="20" t="s">
        <v>185</v>
      </c>
      <c r="S1" s="21" t="s">
        <v>186</v>
      </c>
      <c r="T1" s="21" t="s">
        <v>9</v>
      </c>
      <c r="U1" s="21" t="s">
        <v>10</v>
      </c>
      <c r="V1" s="2" t="s">
        <v>921</v>
      </c>
      <c r="W1" s="2" t="s">
        <v>460</v>
      </c>
      <c r="X1" s="2" t="s">
        <v>459</v>
      </c>
      <c r="Y1" s="2" t="s">
        <v>458</v>
      </c>
      <c r="Z1" s="2" t="s">
        <v>188</v>
      </c>
      <c r="AA1" s="2" t="s">
        <v>189</v>
      </c>
      <c r="AB1" s="2" t="s">
        <v>187</v>
      </c>
      <c r="AC1" s="2" t="s">
        <v>184</v>
      </c>
      <c r="AD1" s="2" t="s">
        <v>457</v>
      </c>
      <c r="AE1" s="2" t="s">
        <v>495</v>
      </c>
      <c r="AF1" s="2" t="s">
        <v>451</v>
      </c>
      <c r="AG1" s="2" t="s">
        <v>452</v>
      </c>
      <c r="AH1" s="2" t="s">
        <v>453</v>
      </c>
      <c r="AI1" s="2" t="s">
        <v>454</v>
      </c>
      <c r="AJ1" s="2" t="s">
        <v>455</v>
      </c>
      <c r="AK1" s="2" t="s">
        <v>456</v>
      </c>
      <c r="AL1" s="2" t="s">
        <v>0</v>
      </c>
      <c r="AM1" s="22" t="s">
        <v>11</v>
      </c>
      <c r="AN1" s="3" t="s">
        <v>611</v>
      </c>
    </row>
    <row r="2" spans="1:40" s="26" customFormat="1" ht="83.4" customHeight="1" x14ac:dyDescent="0.2">
      <c r="A2" s="23">
        <v>140007</v>
      </c>
      <c r="B2" s="23" t="s">
        <v>76</v>
      </c>
      <c r="C2" s="24" t="s">
        <v>612</v>
      </c>
      <c r="D2" s="25" t="s">
        <v>76</v>
      </c>
      <c r="E2" s="11" t="s">
        <v>12</v>
      </c>
      <c r="F2" s="3" t="s">
        <v>613</v>
      </c>
      <c r="G2" s="3"/>
      <c r="H2" s="3">
        <v>1512</v>
      </c>
      <c r="I2" s="5" t="s">
        <v>74</v>
      </c>
      <c r="J2" s="5" t="s">
        <v>190</v>
      </c>
      <c r="K2" s="3" t="s">
        <v>109</v>
      </c>
      <c r="L2" s="5"/>
      <c r="M2" s="5"/>
      <c r="N2" s="5" t="s">
        <v>303</v>
      </c>
      <c r="O2" s="57">
        <v>1000020140007</v>
      </c>
      <c r="P2" s="5" t="s">
        <v>76</v>
      </c>
      <c r="Q2" s="5" t="s">
        <v>549</v>
      </c>
      <c r="R2" s="12">
        <v>0.375</v>
      </c>
      <c r="S2" s="40">
        <v>0.79166666666666663</v>
      </c>
      <c r="T2" s="3" t="s">
        <v>505</v>
      </c>
      <c r="U2" s="44" t="s">
        <v>908</v>
      </c>
      <c r="V2" s="3">
        <v>21</v>
      </c>
      <c r="W2" s="5">
        <v>1</v>
      </c>
      <c r="X2" s="5">
        <v>1</v>
      </c>
      <c r="Y2" s="5">
        <v>1</v>
      </c>
      <c r="Z2" s="3" t="s">
        <v>304</v>
      </c>
      <c r="AA2" s="3" t="s">
        <v>886</v>
      </c>
      <c r="AB2" s="3" t="s">
        <v>506</v>
      </c>
      <c r="AC2" s="3" t="s">
        <v>507</v>
      </c>
      <c r="AD2" s="16">
        <v>1</v>
      </c>
      <c r="AE2" s="16">
        <v>1</v>
      </c>
      <c r="AF2" s="16">
        <v>1</v>
      </c>
      <c r="AG2" s="16">
        <v>1</v>
      </c>
      <c r="AH2" s="16">
        <v>1</v>
      </c>
      <c r="AI2" s="16">
        <v>1</v>
      </c>
      <c r="AJ2" s="16">
        <v>0</v>
      </c>
      <c r="AK2" s="16">
        <v>0</v>
      </c>
      <c r="AL2" s="4" t="s">
        <v>887</v>
      </c>
      <c r="AM2" s="11" t="s">
        <v>922</v>
      </c>
      <c r="AN2" s="54">
        <v>45065</v>
      </c>
    </row>
    <row r="3" spans="1:40" ht="108.6" customHeight="1" x14ac:dyDescent="0.2">
      <c r="A3" s="3">
        <v>140007</v>
      </c>
      <c r="B3" s="3" t="s">
        <v>76</v>
      </c>
      <c r="C3" s="27" t="s">
        <v>349</v>
      </c>
      <c r="D3" s="25" t="s">
        <v>76</v>
      </c>
      <c r="E3" s="11" t="s">
        <v>508</v>
      </c>
      <c r="F3" s="3" t="s">
        <v>509</v>
      </c>
      <c r="G3" s="5"/>
      <c r="H3" s="4">
        <v>1512</v>
      </c>
      <c r="I3" s="13" t="s">
        <v>74</v>
      </c>
      <c r="J3" s="13" t="s">
        <v>695</v>
      </c>
      <c r="K3" s="11" t="s">
        <v>955</v>
      </c>
      <c r="L3" s="5"/>
      <c r="M3" s="5"/>
      <c r="N3" s="5" t="s">
        <v>614</v>
      </c>
      <c r="O3" s="57">
        <v>1000020140007</v>
      </c>
      <c r="P3" s="5" t="s">
        <v>76</v>
      </c>
      <c r="Q3" s="5" t="s">
        <v>510</v>
      </c>
      <c r="R3" s="12">
        <v>0.39583333333333331</v>
      </c>
      <c r="S3" s="40">
        <v>0.8125</v>
      </c>
      <c r="T3" s="3" t="s">
        <v>956</v>
      </c>
      <c r="U3" s="45" t="s">
        <v>1102</v>
      </c>
      <c r="V3" s="3">
        <v>21</v>
      </c>
      <c r="W3" s="5">
        <v>1</v>
      </c>
      <c r="X3" s="5">
        <v>1</v>
      </c>
      <c r="Y3" s="5">
        <v>1</v>
      </c>
      <c r="Z3" s="3" t="s">
        <v>304</v>
      </c>
      <c r="AA3" s="11" t="s">
        <v>923</v>
      </c>
      <c r="AB3" s="3" t="s">
        <v>957</v>
      </c>
      <c r="AC3" s="3" t="s">
        <v>924</v>
      </c>
      <c r="AD3" s="16">
        <v>1</v>
      </c>
      <c r="AE3" s="16">
        <v>1</v>
      </c>
      <c r="AF3" s="16">
        <v>1</v>
      </c>
      <c r="AG3" s="16">
        <v>1</v>
      </c>
      <c r="AH3" s="16">
        <v>0</v>
      </c>
      <c r="AI3" s="16">
        <v>0</v>
      </c>
      <c r="AJ3" s="16">
        <v>0</v>
      </c>
      <c r="AK3" s="16">
        <v>0</v>
      </c>
      <c r="AL3" s="4">
        <v>0</v>
      </c>
      <c r="AM3" s="11" t="s">
        <v>694</v>
      </c>
      <c r="AN3" s="54">
        <v>45065</v>
      </c>
    </row>
    <row r="4" spans="1:40" ht="72" x14ac:dyDescent="0.2">
      <c r="A4" s="3">
        <v>140007</v>
      </c>
      <c r="B4" s="3" t="s">
        <v>76</v>
      </c>
      <c r="C4" s="27" t="s">
        <v>350</v>
      </c>
      <c r="D4" s="25" t="s">
        <v>77</v>
      </c>
      <c r="E4" s="11" t="s">
        <v>13</v>
      </c>
      <c r="F4" s="3" t="s">
        <v>859</v>
      </c>
      <c r="G4" s="5"/>
      <c r="H4" s="4">
        <v>1512</v>
      </c>
      <c r="I4" s="13" t="s">
        <v>74</v>
      </c>
      <c r="J4" s="13" t="s">
        <v>191</v>
      </c>
      <c r="K4" s="11" t="s">
        <v>110</v>
      </c>
      <c r="L4" s="5"/>
      <c r="M4" s="5"/>
      <c r="N4" s="5" t="s">
        <v>283</v>
      </c>
      <c r="O4" s="58">
        <v>3000020141003</v>
      </c>
      <c r="P4" s="5" t="s">
        <v>77</v>
      </c>
      <c r="Q4" s="5" t="s">
        <v>487</v>
      </c>
      <c r="R4" s="12">
        <v>0.39583333333333331</v>
      </c>
      <c r="S4" s="40">
        <v>0.85416666666666663</v>
      </c>
      <c r="T4" s="11" t="s">
        <v>958</v>
      </c>
      <c r="U4" s="19" t="s">
        <v>860</v>
      </c>
      <c r="V4" s="5">
        <v>14</v>
      </c>
      <c r="W4" s="5">
        <v>1</v>
      </c>
      <c r="X4" s="5">
        <v>1</v>
      </c>
      <c r="Y4" s="5">
        <v>1</v>
      </c>
      <c r="Z4" s="11" t="s">
        <v>909</v>
      </c>
      <c r="AA4" s="11" t="s">
        <v>308</v>
      </c>
      <c r="AB4" s="11" t="s">
        <v>959</v>
      </c>
      <c r="AC4" s="11" t="s">
        <v>960</v>
      </c>
      <c r="AD4" s="16">
        <v>1</v>
      </c>
      <c r="AE4" s="16">
        <v>1</v>
      </c>
      <c r="AF4" s="16">
        <v>1</v>
      </c>
      <c r="AG4" s="16">
        <v>1</v>
      </c>
      <c r="AH4" s="16">
        <v>1</v>
      </c>
      <c r="AI4" s="16">
        <v>1</v>
      </c>
      <c r="AJ4" s="16">
        <v>1</v>
      </c>
      <c r="AK4" s="16">
        <v>0</v>
      </c>
      <c r="AL4" s="4">
        <v>44557</v>
      </c>
      <c r="AM4" s="11"/>
      <c r="AN4" s="54">
        <v>45065</v>
      </c>
    </row>
    <row r="5" spans="1:40" ht="60.6" customHeight="1" x14ac:dyDescent="0.2">
      <c r="A5" s="3">
        <v>140007</v>
      </c>
      <c r="B5" s="3" t="s">
        <v>76</v>
      </c>
      <c r="C5" s="27" t="s">
        <v>351</v>
      </c>
      <c r="D5" s="25" t="s">
        <v>77</v>
      </c>
      <c r="E5" s="11" t="s">
        <v>14</v>
      </c>
      <c r="F5" s="3" t="s">
        <v>861</v>
      </c>
      <c r="G5" s="5"/>
      <c r="H5" s="4">
        <v>1512</v>
      </c>
      <c r="I5" s="13" t="s">
        <v>74</v>
      </c>
      <c r="J5" s="13" t="s">
        <v>192</v>
      </c>
      <c r="K5" s="11" t="s">
        <v>862</v>
      </c>
      <c r="L5" s="5"/>
      <c r="M5" s="5"/>
      <c r="N5" s="5" t="s">
        <v>284</v>
      </c>
      <c r="O5" s="58">
        <v>3000020141003</v>
      </c>
      <c r="P5" s="5" t="s">
        <v>77</v>
      </c>
      <c r="Q5" s="5" t="s">
        <v>487</v>
      </c>
      <c r="R5" s="12">
        <v>0.39583333333333331</v>
      </c>
      <c r="S5" s="40">
        <v>0.79166666666666663</v>
      </c>
      <c r="T5" s="11" t="s">
        <v>958</v>
      </c>
      <c r="U5" s="19" t="s">
        <v>550</v>
      </c>
      <c r="V5" s="5">
        <v>14</v>
      </c>
      <c r="W5" s="5">
        <v>1</v>
      </c>
      <c r="X5" s="5">
        <v>1</v>
      </c>
      <c r="Y5" s="5">
        <v>1</v>
      </c>
      <c r="Z5" s="11" t="s">
        <v>909</v>
      </c>
      <c r="AA5" s="11" t="s">
        <v>308</v>
      </c>
      <c r="AB5" s="11" t="s">
        <v>961</v>
      </c>
      <c r="AC5" s="11"/>
      <c r="AD5" s="16">
        <v>1</v>
      </c>
      <c r="AE5" s="16">
        <v>1</v>
      </c>
      <c r="AF5" s="16">
        <v>1</v>
      </c>
      <c r="AG5" s="16">
        <v>1</v>
      </c>
      <c r="AH5" s="16">
        <v>0</v>
      </c>
      <c r="AI5" s="16">
        <v>0</v>
      </c>
      <c r="AJ5" s="16">
        <v>1</v>
      </c>
      <c r="AK5" s="16">
        <v>0</v>
      </c>
      <c r="AL5" s="4">
        <v>12371</v>
      </c>
      <c r="AM5" s="11"/>
      <c r="AN5" s="54">
        <v>45065</v>
      </c>
    </row>
    <row r="6" spans="1:40" ht="60.6" customHeight="1" x14ac:dyDescent="0.2">
      <c r="A6" s="3">
        <v>140007</v>
      </c>
      <c r="B6" s="3" t="s">
        <v>76</v>
      </c>
      <c r="C6" s="27" t="s">
        <v>352</v>
      </c>
      <c r="D6" s="25" t="s">
        <v>77</v>
      </c>
      <c r="E6" s="11" t="s">
        <v>15</v>
      </c>
      <c r="F6" s="3" t="s">
        <v>863</v>
      </c>
      <c r="G6" s="5"/>
      <c r="H6" s="4">
        <v>1512</v>
      </c>
      <c r="I6" s="13" t="s">
        <v>74</v>
      </c>
      <c r="J6" s="13" t="s">
        <v>193</v>
      </c>
      <c r="K6" s="11" t="s">
        <v>111</v>
      </c>
      <c r="L6" s="5"/>
      <c r="M6" s="5"/>
      <c r="N6" s="5" t="s">
        <v>285</v>
      </c>
      <c r="O6" s="58">
        <v>3000020141003</v>
      </c>
      <c r="P6" s="5" t="s">
        <v>77</v>
      </c>
      <c r="Q6" s="5" t="s">
        <v>487</v>
      </c>
      <c r="R6" s="12">
        <v>0.39583333333333331</v>
      </c>
      <c r="S6" s="40">
        <v>0.79166666666666663</v>
      </c>
      <c r="T6" s="11" t="s">
        <v>958</v>
      </c>
      <c r="U6" s="19" t="s">
        <v>550</v>
      </c>
      <c r="V6" s="5">
        <v>14</v>
      </c>
      <c r="W6" s="5">
        <v>1</v>
      </c>
      <c r="X6" s="5">
        <v>1</v>
      </c>
      <c r="Y6" s="5">
        <v>1</v>
      </c>
      <c r="Z6" s="11" t="s">
        <v>909</v>
      </c>
      <c r="AA6" s="11" t="s">
        <v>308</v>
      </c>
      <c r="AB6" s="11" t="s">
        <v>962</v>
      </c>
      <c r="AC6" s="11"/>
      <c r="AD6" s="16">
        <v>1</v>
      </c>
      <c r="AE6" s="16">
        <v>1</v>
      </c>
      <c r="AF6" s="16">
        <v>1</v>
      </c>
      <c r="AG6" s="16">
        <v>1</v>
      </c>
      <c r="AH6" s="16">
        <v>0</v>
      </c>
      <c r="AI6" s="16">
        <v>0</v>
      </c>
      <c r="AJ6" s="16">
        <v>1</v>
      </c>
      <c r="AK6" s="16">
        <v>0</v>
      </c>
      <c r="AL6" s="4">
        <v>12726</v>
      </c>
      <c r="AM6" s="11"/>
      <c r="AN6" s="54">
        <v>45065</v>
      </c>
    </row>
    <row r="7" spans="1:40" ht="60.6" customHeight="1" x14ac:dyDescent="0.2">
      <c r="A7" s="3">
        <v>140007</v>
      </c>
      <c r="B7" s="3" t="s">
        <v>76</v>
      </c>
      <c r="C7" s="27" t="s">
        <v>353</v>
      </c>
      <c r="D7" s="25" t="s">
        <v>77</v>
      </c>
      <c r="E7" s="11" t="s">
        <v>16</v>
      </c>
      <c r="F7" s="3" t="s">
        <v>864</v>
      </c>
      <c r="G7" s="5"/>
      <c r="H7" s="4">
        <v>1512</v>
      </c>
      <c r="I7" s="13" t="s">
        <v>74</v>
      </c>
      <c r="J7" s="13" t="s">
        <v>194</v>
      </c>
      <c r="K7" s="11" t="s">
        <v>112</v>
      </c>
      <c r="L7" s="5"/>
      <c r="M7" s="5"/>
      <c r="N7" s="5" t="s">
        <v>286</v>
      </c>
      <c r="O7" s="58">
        <v>3000020141003</v>
      </c>
      <c r="P7" s="5" t="s">
        <v>77</v>
      </c>
      <c r="Q7" s="5" t="s">
        <v>487</v>
      </c>
      <c r="R7" s="12">
        <v>0.39583333333333331</v>
      </c>
      <c r="S7" s="40">
        <v>0.79166666666666663</v>
      </c>
      <c r="T7" s="11" t="s">
        <v>958</v>
      </c>
      <c r="U7" s="19" t="s">
        <v>550</v>
      </c>
      <c r="V7" s="5">
        <v>14</v>
      </c>
      <c r="W7" s="5">
        <v>1</v>
      </c>
      <c r="X7" s="5">
        <v>1</v>
      </c>
      <c r="Y7" s="5">
        <v>1</v>
      </c>
      <c r="Z7" s="11" t="s">
        <v>909</v>
      </c>
      <c r="AA7" s="11" t="s">
        <v>308</v>
      </c>
      <c r="AB7" s="11" t="s">
        <v>963</v>
      </c>
      <c r="AC7" s="11"/>
      <c r="AD7" s="16">
        <v>1</v>
      </c>
      <c r="AE7" s="16">
        <v>1</v>
      </c>
      <c r="AF7" s="16">
        <v>1</v>
      </c>
      <c r="AG7" s="16">
        <v>1</v>
      </c>
      <c r="AH7" s="16">
        <v>0</v>
      </c>
      <c r="AI7" s="16">
        <v>0</v>
      </c>
      <c r="AJ7" s="16">
        <v>1</v>
      </c>
      <c r="AK7" s="16">
        <v>0</v>
      </c>
      <c r="AL7" s="4">
        <v>11468</v>
      </c>
      <c r="AM7" s="11"/>
      <c r="AN7" s="54">
        <v>45065</v>
      </c>
    </row>
    <row r="8" spans="1:40" ht="60.6" customHeight="1" x14ac:dyDescent="0.2">
      <c r="A8" s="3">
        <v>140007</v>
      </c>
      <c r="B8" s="3" t="s">
        <v>76</v>
      </c>
      <c r="C8" s="27" t="s">
        <v>354</v>
      </c>
      <c r="D8" s="25" t="s">
        <v>77</v>
      </c>
      <c r="E8" s="11" t="s">
        <v>17</v>
      </c>
      <c r="F8" s="3" t="s">
        <v>865</v>
      </c>
      <c r="G8" s="5"/>
      <c r="H8" s="4">
        <v>1512</v>
      </c>
      <c r="I8" s="13" t="s">
        <v>74</v>
      </c>
      <c r="J8" s="13" t="s">
        <v>195</v>
      </c>
      <c r="K8" s="11" t="s">
        <v>113</v>
      </c>
      <c r="L8" s="5"/>
      <c r="M8" s="5"/>
      <c r="N8" s="5" t="s">
        <v>287</v>
      </c>
      <c r="O8" s="58">
        <v>3000020141003</v>
      </c>
      <c r="P8" s="5" t="s">
        <v>77</v>
      </c>
      <c r="Q8" s="5" t="s">
        <v>487</v>
      </c>
      <c r="R8" s="12">
        <v>0.39583333333333331</v>
      </c>
      <c r="S8" s="40">
        <v>0.79166666666666663</v>
      </c>
      <c r="T8" s="11" t="s">
        <v>958</v>
      </c>
      <c r="U8" s="19" t="s">
        <v>866</v>
      </c>
      <c r="V8" s="5">
        <v>14</v>
      </c>
      <c r="W8" s="5">
        <v>1</v>
      </c>
      <c r="X8" s="5">
        <v>1</v>
      </c>
      <c r="Y8" s="5">
        <v>1</v>
      </c>
      <c r="Z8" s="11" t="s">
        <v>909</v>
      </c>
      <c r="AA8" s="11" t="s">
        <v>308</v>
      </c>
      <c r="AB8" s="11" t="s">
        <v>964</v>
      </c>
      <c r="AC8" s="11"/>
      <c r="AD8" s="16">
        <v>1</v>
      </c>
      <c r="AE8" s="16">
        <v>1</v>
      </c>
      <c r="AF8" s="16">
        <v>1</v>
      </c>
      <c r="AG8" s="16">
        <v>1</v>
      </c>
      <c r="AH8" s="16">
        <v>0</v>
      </c>
      <c r="AI8" s="16">
        <v>0</v>
      </c>
      <c r="AJ8" s="16">
        <v>1</v>
      </c>
      <c r="AK8" s="16">
        <v>0</v>
      </c>
      <c r="AL8" s="4">
        <v>10734</v>
      </c>
      <c r="AM8" s="11"/>
      <c r="AN8" s="54">
        <v>45065</v>
      </c>
    </row>
    <row r="9" spans="1:40" ht="60.6" customHeight="1" x14ac:dyDescent="0.2">
      <c r="A9" s="3">
        <v>140007</v>
      </c>
      <c r="B9" s="3" t="s">
        <v>76</v>
      </c>
      <c r="C9" s="27" t="s">
        <v>355</v>
      </c>
      <c r="D9" s="25" t="s">
        <v>77</v>
      </c>
      <c r="E9" s="11" t="s">
        <v>18</v>
      </c>
      <c r="F9" s="3" t="s">
        <v>867</v>
      </c>
      <c r="G9" s="5"/>
      <c r="H9" s="4">
        <v>1512</v>
      </c>
      <c r="I9" s="13" t="s">
        <v>74</v>
      </c>
      <c r="J9" s="13" t="s">
        <v>196</v>
      </c>
      <c r="K9" s="11" t="s">
        <v>114</v>
      </c>
      <c r="L9" s="5"/>
      <c r="M9" s="5"/>
      <c r="N9" s="5" t="s">
        <v>288</v>
      </c>
      <c r="O9" s="58">
        <v>3000020141003</v>
      </c>
      <c r="P9" s="5" t="s">
        <v>77</v>
      </c>
      <c r="Q9" s="5" t="s">
        <v>487</v>
      </c>
      <c r="R9" s="12">
        <v>0.39583333333333331</v>
      </c>
      <c r="S9" s="40">
        <v>0.79166666666666663</v>
      </c>
      <c r="T9" s="11" t="s">
        <v>958</v>
      </c>
      <c r="U9" s="19" t="s">
        <v>550</v>
      </c>
      <c r="V9" s="5">
        <v>14</v>
      </c>
      <c r="W9" s="5">
        <v>1</v>
      </c>
      <c r="X9" s="5">
        <v>1</v>
      </c>
      <c r="Y9" s="5">
        <v>1</v>
      </c>
      <c r="Z9" s="11" t="s">
        <v>909</v>
      </c>
      <c r="AA9" s="11" t="s">
        <v>308</v>
      </c>
      <c r="AB9" s="11" t="s">
        <v>965</v>
      </c>
      <c r="AC9" s="11"/>
      <c r="AD9" s="16">
        <v>1</v>
      </c>
      <c r="AE9" s="16">
        <v>1</v>
      </c>
      <c r="AF9" s="16">
        <v>1</v>
      </c>
      <c r="AG9" s="16">
        <v>1</v>
      </c>
      <c r="AH9" s="16">
        <v>0</v>
      </c>
      <c r="AI9" s="16">
        <v>1</v>
      </c>
      <c r="AJ9" s="16">
        <v>1</v>
      </c>
      <c r="AK9" s="16">
        <v>0</v>
      </c>
      <c r="AL9" s="4">
        <v>11707</v>
      </c>
      <c r="AM9" s="11"/>
      <c r="AN9" s="54">
        <v>45065</v>
      </c>
    </row>
    <row r="10" spans="1:40" ht="60.6" customHeight="1" x14ac:dyDescent="0.2">
      <c r="A10" s="3">
        <v>140007</v>
      </c>
      <c r="B10" s="3" t="s">
        <v>76</v>
      </c>
      <c r="C10" s="27" t="s">
        <v>356</v>
      </c>
      <c r="D10" s="25" t="s">
        <v>77</v>
      </c>
      <c r="E10" s="11" t="s">
        <v>19</v>
      </c>
      <c r="F10" s="3" t="s">
        <v>868</v>
      </c>
      <c r="G10" s="5"/>
      <c r="H10" s="4">
        <v>1512</v>
      </c>
      <c r="I10" s="13" t="s">
        <v>74</v>
      </c>
      <c r="J10" s="13" t="s">
        <v>197</v>
      </c>
      <c r="K10" s="11" t="s">
        <v>115</v>
      </c>
      <c r="L10" s="5"/>
      <c r="M10" s="5"/>
      <c r="N10" s="5" t="s">
        <v>289</v>
      </c>
      <c r="O10" s="58">
        <v>3000020141003</v>
      </c>
      <c r="P10" s="5" t="s">
        <v>77</v>
      </c>
      <c r="Q10" s="5" t="s">
        <v>487</v>
      </c>
      <c r="R10" s="12">
        <v>0.39583333333333331</v>
      </c>
      <c r="S10" s="40">
        <v>0.79166666666666663</v>
      </c>
      <c r="T10" s="11" t="s">
        <v>958</v>
      </c>
      <c r="U10" s="19" t="s">
        <v>550</v>
      </c>
      <c r="V10" s="5">
        <v>14</v>
      </c>
      <c r="W10" s="5">
        <v>1</v>
      </c>
      <c r="X10" s="5">
        <v>1</v>
      </c>
      <c r="Y10" s="5">
        <v>1</v>
      </c>
      <c r="Z10" s="11" t="s">
        <v>909</v>
      </c>
      <c r="AA10" s="11" t="s">
        <v>308</v>
      </c>
      <c r="AB10" s="11" t="s">
        <v>966</v>
      </c>
      <c r="AC10" s="11"/>
      <c r="AD10" s="16">
        <v>1</v>
      </c>
      <c r="AE10" s="16">
        <v>1</v>
      </c>
      <c r="AF10" s="16">
        <v>1</v>
      </c>
      <c r="AG10" s="16">
        <v>1</v>
      </c>
      <c r="AH10" s="16">
        <v>0</v>
      </c>
      <c r="AI10" s="16">
        <v>0</v>
      </c>
      <c r="AJ10" s="16">
        <v>1</v>
      </c>
      <c r="AK10" s="16">
        <v>0</v>
      </c>
      <c r="AL10" s="4">
        <v>12315</v>
      </c>
      <c r="AM10" s="11"/>
      <c r="AN10" s="54">
        <v>45065</v>
      </c>
    </row>
    <row r="11" spans="1:40" ht="60.6" customHeight="1" x14ac:dyDescent="0.2">
      <c r="A11" s="3">
        <v>140007</v>
      </c>
      <c r="B11" s="3" t="s">
        <v>76</v>
      </c>
      <c r="C11" s="27" t="s">
        <v>357</v>
      </c>
      <c r="D11" s="25" t="s">
        <v>77</v>
      </c>
      <c r="E11" s="11" t="s">
        <v>20</v>
      </c>
      <c r="F11" s="3" t="s">
        <v>869</v>
      </c>
      <c r="G11" s="5"/>
      <c r="H11" s="4">
        <v>1512</v>
      </c>
      <c r="I11" s="13" t="s">
        <v>74</v>
      </c>
      <c r="J11" s="13" t="s">
        <v>198</v>
      </c>
      <c r="K11" s="11" t="s">
        <v>116</v>
      </c>
      <c r="L11" s="5"/>
      <c r="M11" s="5"/>
      <c r="N11" s="5" t="s">
        <v>290</v>
      </c>
      <c r="O11" s="58">
        <v>3000020141003</v>
      </c>
      <c r="P11" s="5" t="s">
        <v>77</v>
      </c>
      <c r="Q11" s="5" t="s">
        <v>487</v>
      </c>
      <c r="R11" s="12">
        <v>0.39583333333333331</v>
      </c>
      <c r="S11" s="40">
        <v>0.79166666666666663</v>
      </c>
      <c r="T11" s="11" t="s">
        <v>958</v>
      </c>
      <c r="U11" s="19" t="s">
        <v>550</v>
      </c>
      <c r="V11" s="5">
        <v>14</v>
      </c>
      <c r="W11" s="5">
        <v>1</v>
      </c>
      <c r="X11" s="5">
        <v>1</v>
      </c>
      <c r="Y11" s="5">
        <v>1</v>
      </c>
      <c r="Z11" s="11" t="s">
        <v>909</v>
      </c>
      <c r="AA11" s="11" t="s">
        <v>308</v>
      </c>
      <c r="AB11" s="11" t="s">
        <v>967</v>
      </c>
      <c r="AC11" s="11" t="s">
        <v>301</v>
      </c>
      <c r="AD11" s="16">
        <v>1</v>
      </c>
      <c r="AE11" s="16">
        <v>1</v>
      </c>
      <c r="AF11" s="16">
        <v>1</v>
      </c>
      <c r="AG11" s="16">
        <v>1</v>
      </c>
      <c r="AH11" s="16">
        <v>0</v>
      </c>
      <c r="AI11" s="16">
        <v>0</v>
      </c>
      <c r="AJ11" s="16">
        <v>1</v>
      </c>
      <c r="AK11" s="16">
        <v>0</v>
      </c>
      <c r="AL11" s="4">
        <v>12730</v>
      </c>
      <c r="AM11" s="11"/>
      <c r="AN11" s="54">
        <v>45065</v>
      </c>
    </row>
    <row r="12" spans="1:40" ht="60.6" customHeight="1" x14ac:dyDescent="0.2">
      <c r="A12" s="3">
        <v>140007</v>
      </c>
      <c r="B12" s="3" t="s">
        <v>76</v>
      </c>
      <c r="C12" s="27" t="s">
        <v>358</v>
      </c>
      <c r="D12" s="25" t="s">
        <v>77</v>
      </c>
      <c r="E12" s="11" t="s">
        <v>21</v>
      </c>
      <c r="F12" s="3" t="s">
        <v>870</v>
      </c>
      <c r="G12" s="5"/>
      <c r="H12" s="4">
        <v>1512</v>
      </c>
      <c r="I12" s="13" t="s">
        <v>74</v>
      </c>
      <c r="J12" s="13" t="s">
        <v>199</v>
      </c>
      <c r="K12" s="11" t="s">
        <v>117</v>
      </c>
      <c r="L12" s="5"/>
      <c r="M12" s="5"/>
      <c r="N12" s="5" t="s">
        <v>291</v>
      </c>
      <c r="O12" s="58">
        <v>3000020141003</v>
      </c>
      <c r="P12" s="5" t="s">
        <v>77</v>
      </c>
      <c r="Q12" s="5" t="s">
        <v>487</v>
      </c>
      <c r="R12" s="12">
        <v>0.39583333333333331</v>
      </c>
      <c r="S12" s="40">
        <v>0.79166666666666663</v>
      </c>
      <c r="T12" s="11" t="s">
        <v>958</v>
      </c>
      <c r="U12" s="19" t="s">
        <v>550</v>
      </c>
      <c r="V12" s="5">
        <v>14</v>
      </c>
      <c r="W12" s="5">
        <v>1</v>
      </c>
      <c r="X12" s="5">
        <v>1</v>
      </c>
      <c r="Y12" s="5">
        <v>1</v>
      </c>
      <c r="Z12" s="11" t="s">
        <v>909</v>
      </c>
      <c r="AA12" s="11" t="s">
        <v>308</v>
      </c>
      <c r="AB12" s="11" t="s">
        <v>968</v>
      </c>
      <c r="AC12" s="11" t="s">
        <v>302</v>
      </c>
      <c r="AD12" s="16">
        <v>1</v>
      </c>
      <c r="AE12" s="16">
        <v>1</v>
      </c>
      <c r="AF12" s="16">
        <v>1</v>
      </c>
      <c r="AG12" s="16">
        <v>1</v>
      </c>
      <c r="AH12" s="16">
        <v>0</v>
      </c>
      <c r="AI12" s="16">
        <v>0</v>
      </c>
      <c r="AJ12" s="16">
        <v>1</v>
      </c>
      <c r="AK12" s="16">
        <v>0</v>
      </c>
      <c r="AL12" s="4">
        <v>14047</v>
      </c>
      <c r="AM12" s="11"/>
      <c r="AN12" s="54">
        <v>45065</v>
      </c>
    </row>
    <row r="13" spans="1:40" ht="60.6" customHeight="1" x14ac:dyDescent="0.2">
      <c r="A13" s="3">
        <v>140007</v>
      </c>
      <c r="B13" s="3" t="s">
        <v>76</v>
      </c>
      <c r="C13" s="27" t="s">
        <v>359</v>
      </c>
      <c r="D13" s="25" t="s">
        <v>77</v>
      </c>
      <c r="E13" s="11" t="s">
        <v>22</v>
      </c>
      <c r="F13" s="3" t="s">
        <v>871</v>
      </c>
      <c r="G13" s="5"/>
      <c r="H13" s="4">
        <v>1512</v>
      </c>
      <c r="I13" s="13" t="s">
        <v>74</v>
      </c>
      <c r="J13" s="13" t="s">
        <v>200</v>
      </c>
      <c r="K13" s="11" t="s">
        <v>118</v>
      </c>
      <c r="L13" s="5"/>
      <c r="M13" s="5"/>
      <c r="N13" s="5" t="s">
        <v>292</v>
      </c>
      <c r="O13" s="58">
        <v>3000020141003</v>
      </c>
      <c r="P13" s="5" t="s">
        <v>77</v>
      </c>
      <c r="Q13" s="5" t="s">
        <v>487</v>
      </c>
      <c r="R13" s="12">
        <v>0.39583333333333331</v>
      </c>
      <c r="S13" s="40">
        <v>0.79166666666666663</v>
      </c>
      <c r="T13" s="11" t="s">
        <v>958</v>
      </c>
      <c r="U13" s="19" t="s">
        <v>550</v>
      </c>
      <c r="V13" s="5">
        <v>14</v>
      </c>
      <c r="W13" s="5">
        <v>1</v>
      </c>
      <c r="X13" s="5">
        <v>1</v>
      </c>
      <c r="Y13" s="5">
        <v>1</v>
      </c>
      <c r="Z13" s="11" t="s">
        <v>909</v>
      </c>
      <c r="AA13" s="11" t="s">
        <v>308</v>
      </c>
      <c r="AB13" s="11" t="s">
        <v>969</v>
      </c>
      <c r="AC13" s="11"/>
      <c r="AD13" s="16">
        <v>1</v>
      </c>
      <c r="AE13" s="16">
        <v>1</v>
      </c>
      <c r="AF13" s="16">
        <v>1</v>
      </c>
      <c r="AG13" s="16">
        <v>1</v>
      </c>
      <c r="AH13" s="16">
        <v>0</v>
      </c>
      <c r="AI13" s="16">
        <v>1</v>
      </c>
      <c r="AJ13" s="16">
        <v>1</v>
      </c>
      <c r="AK13" s="16">
        <v>0</v>
      </c>
      <c r="AL13" s="4">
        <v>13924</v>
      </c>
      <c r="AM13" s="11"/>
      <c r="AN13" s="54">
        <v>45065</v>
      </c>
    </row>
    <row r="14" spans="1:40" ht="60.6" customHeight="1" x14ac:dyDescent="0.2">
      <c r="A14" s="3">
        <v>140007</v>
      </c>
      <c r="B14" s="3" t="s">
        <v>76</v>
      </c>
      <c r="C14" s="27" t="s">
        <v>360</v>
      </c>
      <c r="D14" s="25" t="s">
        <v>77</v>
      </c>
      <c r="E14" s="11" t="s">
        <v>23</v>
      </c>
      <c r="F14" s="3" t="s">
        <v>872</v>
      </c>
      <c r="G14" s="5"/>
      <c r="H14" s="4">
        <v>1512</v>
      </c>
      <c r="I14" s="13" t="s">
        <v>74</v>
      </c>
      <c r="J14" s="13" t="s">
        <v>201</v>
      </c>
      <c r="K14" s="11" t="s">
        <v>119</v>
      </c>
      <c r="L14" s="5"/>
      <c r="M14" s="5"/>
      <c r="N14" s="5" t="s">
        <v>293</v>
      </c>
      <c r="O14" s="58">
        <v>3000020141003</v>
      </c>
      <c r="P14" s="5" t="s">
        <v>77</v>
      </c>
      <c r="Q14" s="5" t="s">
        <v>487</v>
      </c>
      <c r="R14" s="12">
        <v>0.39583333333333331</v>
      </c>
      <c r="S14" s="40">
        <v>0.79166666666666663</v>
      </c>
      <c r="T14" s="11" t="s">
        <v>958</v>
      </c>
      <c r="U14" s="19" t="s">
        <v>550</v>
      </c>
      <c r="V14" s="5">
        <v>14</v>
      </c>
      <c r="W14" s="5">
        <v>1</v>
      </c>
      <c r="X14" s="5">
        <v>1</v>
      </c>
      <c r="Y14" s="5">
        <v>1</v>
      </c>
      <c r="Z14" s="11" t="s">
        <v>909</v>
      </c>
      <c r="AA14" s="11" t="s">
        <v>308</v>
      </c>
      <c r="AB14" s="11" t="s">
        <v>970</v>
      </c>
      <c r="AC14" s="11"/>
      <c r="AD14" s="16">
        <v>1</v>
      </c>
      <c r="AE14" s="16">
        <v>1</v>
      </c>
      <c r="AF14" s="16">
        <v>1</v>
      </c>
      <c r="AG14" s="16">
        <v>1</v>
      </c>
      <c r="AH14" s="16">
        <v>1</v>
      </c>
      <c r="AI14" s="16">
        <v>0</v>
      </c>
      <c r="AJ14" s="16">
        <v>1</v>
      </c>
      <c r="AK14" s="16">
        <v>0</v>
      </c>
      <c r="AL14" s="4">
        <v>14086</v>
      </c>
      <c r="AM14" s="11"/>
      <c r="AN14" s="54">
        <v>45065</v>
      </c>
    </row>
    <row r="15" spans="1:40" ht="60.6" customHeight="1" x14ac:dyDescent="0.2">
      <c r="A15" s="3">
        <v>140007</v>
      </c>
      <c r="B15" s="3" t="s">
        <v>76</v>
      </c>
      <c r="C15" s="27" t="s">
        <v>361</v>
      </c>
      <c r="D15" s="25" t="s">
        <v>77</v>
      </c>
      <c r="E15" s="11" t="s">
        <v>24</v>
      </c>
      <c r="F15" s="3" t="s">
        <v>873</v>
      </c>
      <c r="G15" s="5"/>
      <c r="H15" s="4">
        <v>1512</v>
      </c>
      <c r="I15" s="13" t="s">
        <v>74</v>
      </c>
      <c r="J15" s="13" t="s">
        <v>202</v>
      </c>
      <c r="K15" s="11" t="s">
        <v>120</v>
      </c>
      <c r="L15" s="5"/>
      <c r="M15" s="5"/>
      <c r="N15" s="5" t="s">
        <v>294</v>
      </c>
      <c r="O15" s="58">
        <v>3000020141003</v>
      </c>
      <c r="P15" s="5" t="s">
        <v>77</v>
      </c>
      <c r="Q15" s="5" t="s">
        <v>487</v>
      </c>
      <c r="R15" s="12">
        <v>0.39583333333333331</v>
      </c>
      <c r="S15" s="40">
        <v>0.79166666666666663</v>
      </c>
      <c r="T15" s="11" t="s">
        <v>958</v>
      </c>
      <c r="U15" s="19" t="s">
        <v>550</v>
      </c>
      <c r="V15" s="5">
        <v>14</v>
      </c>
      <c r="W15" s="5">
        <v>1</v>
      </c>
      <c r="X15" s="5">
        <v>1</v>
      </c>
      <c r="Y15" s="5">
        <v>1</v>
      </c>
      <c r="Z15" s="11" t="s">
        <v>909</v>
      </c>
      <c r="AA15" s="11" t="s">
        <v>308</v>
      </c>
      <c r="AB15" s="11" t="s">
        <v>971</v>
      </c>
      <c r="AC15" s="11"/>
      <c r="AD15" s="16">
        <v>1</v>
      </c>
      <c r="AE15" s="16">
        <v>1</v>
      </c>
      <c r="AF15" s="16">
        <v>1</v>
      </c>
      <c r="AG15" s="16">
        <v>1</v>
      </c>
      <c r="AH15" s="16">
        <v>0</v>
      </c>
      <c r="AI15" s="16">
        <v>0</v>
      </c>
      <c r="AJ15" s="16">
        <v>1</v>
      </c>
      <c r="AK15" s="16">
        <v>0</v>
      </c>
      <c r="AL15" s="4">
        <v>13214</v>
      </c>
      <c r="AM15" s="11"/>
      <c r="AN15" s="54">
        <v>45065</v>
      </c>
    </row>
    <row r="16" spans="1:40" ht="60.6" customHeight="1" x14ac:dyDescent="0.2">
      <c r="A16" s="3">
        <v>140007</v>
      </c>
      <c r="B16" s="3" t="s">
        <v>76</v>
      </c>
      <c r="C16" s="27" t="s">
        <v>362</v>
      </c>
      <c r="D16" s="25" t="s">
        <v>77</v>
      </c>
      <c r="E16" s="11" t="s">
        <v>25</v>
      </c>
      <c r="F16" s="3" t="s">
        <v>282</v>
      </c>
      <c r="G16" s="5"/>
      <c r="H16" s="4">
        <v>1512</v>
      </c>
      <c r="I16" s="13" t="s">
        <v>74</v>
      </c>
      <c r="J16" s="13" t="s">
        <v>203</v>
      </c>
      <c r="K16" s="11" t="s">
        <v>121</v>
      </c>
      <c r="L16" s="5"/>
      <c r="M16" s="5"/>
      <c r="N16" s="5" t="s">
        <v>295</v>
      </c>
      <c r="O16" s="58">
        <v>3000020141003</v>
      </c>
      <c r="P16" s="5" t="s">
        <v>77</v>
      </c>
      <c r="Q16" s="5" t="s">
        <v>487</v>
      </c>
      <c r="R16" s="12">
        <v>0.39583333333333331</v>
      </c>
      <c r="S16" s="40">
        <v>0.85416666666666663</v>
      </c>
      <c r="T16" s="11" t="s">
        <v>958</v>
      </c>
      <c r="U16" s="19" t="s">
        <v>550</v>
      </c>
      <c r="V16" s="5">
        <v>14</v>
      </c>
      <c r="W16" s="5">
        <v>1</v>
      </c>
      <c r="X16" s="5">
        <v>1</v>
      </c>
      <c r="Y16" s="5">
        <v>1</v>
      </c>
      <c r="Z16" s="11" t="s">
        <v>909</v>
      </c>
      <c r="AA16" s="11" t="s">
        <v>308</v>
      </c>
      <c r="AB16" s="11" t="s">
        <v>972</v>
      </c>
      <c r="AC16" s="11"/>
      <c r="AD16" s="16">
        <v>1</v>
      </c>
      <c r="AE16" s="16">
        <v>1</v>
      </c>
      <c r="AF16" s="16">
        <v>1</v>
      </c>
      <c r="AG16" s="16">
        <v>1</v>
      </c>
      <c r="AH16" s="16">
        <v>1</v>
      </c>
      <c r="AI16" s="16">
        <v>0</v>
      </c>
      <c r="AJ16" s="16">
        <v>1</v>
      </c>
      <c r="AK16" s="16">
        <v>0</v>
      </c>
      <c r="AL16" s="4">
        <v>16367</v>
      </c>
      <c r="AM16" s="11"/>
      <c r="AN16" s="54">
        <v>45065</v>
      </c>
    </row>
    <row r="17" spans="1:40" ht="60.6" customHeight="1" x14ac:dyDescent="0.2">
      <c r="A17" s="3">
        <v>140007</v>
      </c>
      <c r="B17" s="3" t="s">
        <v>76</v>
      </c>
      <c r="C17" s="27" t="s">
        <v>363</v>
      </c>
      <c r="D17" s="25" t="s">
        <v>77</v>
      </c>
      <c r="E17" s="11" t="s">
        <v>26</v>
      </c>
      <c r="F17" s="3" t="s">
        <v>874</v>
      </c>
      <c r="G17" s="5"/>
      <c r="H17" s="4">
        <v>1512</v>
      </c>
      <c r="I17" s="13" t="s">
        <v>74</v>
      </c>
      <c r="J17" s="13" t="s">
        <v>204</v>
      </c>
      <c r="K17" s="11" t="s">
        <v>122</v>
      </c>
      <c r="L17" s="5"/>
      <c r="M17" s="5"/>
      <c r="N17" s="5" t="s">
        <v>296</v>
      </c>
      <c r="O17" s="58">
        <v>3000020141003</v>
      </c>
      <c r="P17" s="5" t="s">
        <v>77</v>
      </c>
      <c r="Q17" s="5" t="s">
        <v>487</v>
      </c>
      <c r="R17" s="28">
        <v>0.39583333333333331</v>
      </c>
      <c r="S17" s="41">
        <v>0.79166666666666663</v>
      </c>
      <c r="T17" s="11" t="s">
        <v>958</v>
      </c>
      <c r="U17" s="19" t="s">
        <v>550</v>
      </c>
      <c r="V17" s="5">
        <v>14</v>
      </c>
      <c r="W17" s="5">
        <v>1</v>
      </c>
      <c r="X17" s="5">
        <v>1</v>
      </c>
      <c r="Y17" s="5">
        <v>1</v>
      </c>
      <c r="Z17" s="11" t="s">
        <v>909</v>
      </c>
      <c r="AA17" s="11" t="s">
        <v>308</v>
      </c>
      <c r="AB17" s="11" t="s">
        <v>973</v>
      </c>
      <c r="AC17" s="11" t="s">
        <v>551</v>
      </c>
      <c r="AD17" s="16">
        <v>1</v>
      </c>
      <c r="AE17" s="16">
        <v>1</v>
      </c>
      <c r="AF17" s="16">
        <v>1</v>
      </c>
      <c r="AG17" s="16">
        <v>1</v>
      </c>
      <c r="AH17" s="16">
        <v>0</v>
      </c>
      <c r="AI17" s="16">
        <v>0</v>
      </c>
      <c r="AJ17" s="16">
        <v>1</v>
      </c>
      <c r="AK17" s="16">
        <v>0</v>
      </c>
      <c r="AL17" s="4">
        <v>18868</v>
      </c>
      <c r="AM17" s="11"/>
      <c r="AN17" s="54">
        <v>45065</v>
      </c>
    </row>
    <row r="18" spans="1:40" ht="60.6" customHeight="1" x14ac:dyDescent="0.2">
      <c r="A18" s="3">
        <v>140007</v>
      </c>
      <c r="B18" s="3" t="s">
        <v>76</v>
      </c>
      <c r="C18" s="27" t="s">
        <v>364</v>
      </c>
      <c r="D18" s="25" t="s">
        <v>77</v>
      </c>
      <c r="E18" s="11" t="s">
        <v>27</v>
      </c>
      <c r="F18" s="3" t="s">
        <v>875</v>
      </c>
      <c r="G18" s="5"/>
      <c r="H18" s="4">
        <v>1512</v>
      </c>
      <c r="I18" s="13" t="s">
        <v>74</v>
      </c>
      <c r="J18" s="13" t="s">
        <v>205</v>
      </c>
      <c r="K18" s="11" t="s">
        <v>123</v>
      </c>
      <c r="L18" s="5"/>
      <c r="M18" s="5"/>
      <c r="N18" s="5" t="s">
        <v>297</v>
      </c>
      <c r="O18" s="58">
        <v>3000020141003</v>
      </c>
      <c r="P18" s="5" t="s">
        <v>77</v>
      </c>
      <c r="Q18" s="5" t="s">
        <v>487</v>
      </c>
      <c r="R18" s="12">
        <v>0.39583333333333331</v>
      </c>
      <c r="S18" s="40">
        <v>0.79166666666666663</v>
      </c>
      <c r="T18" s="11" t="s">
        <v>958</v>
      </c>
      <c r="U18" s="19" t="s">
        <v>550</v>
      </c>
      <c r="V18" s="5">
        <v>14</v>
      </c>
      <c r="W18" s="5">
        <v>1</v>
      </c>
      <c r="X18" s="5">
        <v>1</v>
      </c>
      <c r="Y18" s="5">
        <v>1</v>
      </c>
      <c r="Z18" s="11" t="s">
        <v>909</v>
      </c>
      <c r="AA18" s="11" t="s">
        <v>308</v>
      </c>
      <c r="AB18" s="11" t="s">
        <v>974</v>
      </c>
      <c r="AC18" s="11"/>
      <c r="AD18" s="16">
        <v>1</v>
      </c>
      <c r="AE18" s="16">
        <v>1</v>
      </c>
      <c r="AF18" s="16">
        <v>1</v>
      </c>
      <c r="AG18" s="16">
        <v>1</v>
      </c>
      <c r="AH18" s="16">
        <v>0</v>
      </c>
      <c r="AI18" s="16">
        <v>0</v>
      </c>
      <c r="AJ18" s="16">
        <v>1</v>
      </c>
      <c r="AK18" s="16">
        <v>0</v>
      </c>
      <c r="AL18" s="4">
        <v>13011</v>
      </c>
      <c r="AM18" s="11"/>
      <c r="AN18" s="54">
        <v>45065</v>
      </c>
    </row>
    <row r="19" spans="1:40" ht="60.6" customHeight="1" x14ac:dyDescent="0.2">
      <c r="A19" s="3">
        <v>140007</v>
      </c>
      <c r="B19" s="3" t="s">
        <v>76</v>
      </c>
      <c r="C19" s="27" t="s">
        <v>365</v>
      </c>
      <c r="D19" s="25" t="s">
        <v>77</v>
      </c>
      <c r="E19" s="11" t="s">
        <v>28</v>
      </c>
      <c r="F19" s="3" t="s">
        <v>876</v>
      </c>
      <c r="G19" s="5"/>
      <c r="H19" s="4">
        <v>1512</v>
      </c>
      <c r="I19" s="13" t="s">
        <v>74</v>
      </c>
      <c r="J19" s="13" t="s">
        <v>206</v>
      </c>
      <c r="K19" s="11" t="s">
        <v>124</v>
      </c>
      <c r="L19" s="5"/>
      <c r="M19" s="5"/>
      <c r="N19" s="5" t="s">
        <v>298</v>
      </c>
      <c r="O19" s="58">
        <v>3000020141003</v>
      </c>
      <c r="P19" s="5" t="s">
        <v>77</v>
      </c>
      <c r="Q19" s="5" t="s">
        <v>487</v>
      </c>
      <c r="R19" s="12">
        <v>0.39583333333333331</v>
      </c>
      <c r="S19" s="40">
        <v>0.79166666666666663</v>
      </c>
      <c r="T19" s="11" t="s">
        <v>958</v>
      </c>
      <c r="U19" s="19" t="s">
        <v>550</v>
      </c>
      <c r="V19" s="5">
        <v>14</v>
      </c>
      <c r="W19" s="5">
        <v>1</v>
      </c>
      <c r="X19" s="5">
        <v>1</v>
      </c>
      <c r="Y19" s="5">
        <v>1</v>
      </c>
      <c r="Z19" s="11" t="s">
        <v>909</v>
      </c>
      <c r="AA19" s="11" t="s">
        <v>308</v>
      </c>
      <c r="AB19" s="11" t="s">
        <v>975</v>
      </c>
      <c r="AC19" s="11"/>
      <c r="AD19" s="16">
        <v>1</v>
      </c>
      <c r="AE19" s="16">
        <v>1</v>
      </c>
      <c r="AF19" s="16">
        <v>1</v>
      </c>
      <c r="AG19" s="16">
        <v>1</v>
      </c>
      <c r="AH19" s="16">
        <v>0</v>
      </c>
      <c r="AI19" s="16">
        <v>1</v>
      </c>
      <c r="AJ19" s="16">
        <v>1</v>
      </c>
      <c r="AK19" s="16">
        <v>0</v>
      </c>
      <c r="AL19" s="4">
        <v>10987</v>
      </c>
      <c r="AM19" s="11"/>
      <c r="AN19" s="54">
        <v>45065</v>
      </c>
    </row>
    <row r="20" spans="1:40" ht="60.6" customHeight="1" x14ac:dyDescent="0.2">
      <c r="A20" s="3">
        <v>140007</v>
      </c>
      <c r="B20" s="3" t="s">
        <v>76</v>
      </c>
      <c r="C20" s="27" t="s">
        <v>366</v>
      </c>
      <c r="D20" s="25" t="s">
        <v>77</v>
      </c>
      <c r="E20" s="11" t="s">
        <v>29</v>
      </c>
      <c r="F20" s="3" t="s">
        <v>877</v>
      </c>
      <c r="G20" s="5"/>
      <c r="H20" s="4">
        <v>1512</v>
      </c>
      <c r="I20" s="13" t="s">
        <v>74</v>
      </c>
      <c r="J20" s="13" t="s">
        <v>207</v>
      </c>
      <c r="K20" s="11" t="s">
        <v>878</v>
      </c>
      <c r="L20" s="5"/>
      <c r="M20" s="5"/>
      <c r="N20" s="5" t="s">
        <v>299</v>
      </c>
      <c r="O20" s="58">
        <v>3000020141003</v>
      </c>
      <c r="P20" s="5" t="s">
        <v>77</v>
      </c>
      <c r="Q20" s="5" t="s">
        <v>487</v>
      </c>
      <c r="R20" s="12">
        <v>0.39583333333333331</v>
      </c>
      <c r="S20" s="40">
        <v>0.79166666666666663</v>
      </c>
      <c r="T20" s="11" t="s">
        <v>958</v>
      </c>
      <c r="U20" s="19" t="s">
        <v>550</v>
      </c>
      <c r="V20" s="5">
        <v>14</v>
      </c>
      <c r="W20" s="5">
        <v>1</v>
      </c>
      <c r="X20" s="5">
        <v>1</v>
      </c>
      <c r="Y20" s="5">
        <v>1</v>
      </c>
      <c r="Z20" s="11" t="s">
        <v>909</v>
      </c>
      <c r="AA20" s="11" t="s">
        <v>308</v>
      </c>
      <c r="AB20" s="11" t="s">
        <v>976</v>
      </c>
      <c r="AC20" s="11"/>
      <c r="AD20" s="16">
        <v>1</v>
      </c>
      <c r="AE20" s="16">
        <v>1</v>
      </c>
      <c r="AF20" s="16">
        <v>1</v>
      </c>
      <c r="AG20" s="16">
        <v>1</v>
      </c>
      <c r="AH20" s="16">
        <v>0</v>
      </c>
      <c r="AI20" s="16">
        <v>0</v>
      </c>
      <c r="AJ20" s="16">
        <v>1</v>
      </c>
      <c r="AK20" s="16">
        <v>0</v>
      </c>
      <c r="AL20" s="4">
        <v>11579</v>
      </c>
      <c r="AM20" s="11"/>
      <c r="AN20" s="54">
        <v>45065</v>
      </c>
    </row>
    <row r="21" spans="1:40" ht="60.6" customHeight="1" x14ac:dyDescent="0.2">
      <c r="A21" s="3">
        <v>140007</v>
      </c>
      <c r="B21" s="3" t="s">
        <v>76</v>
      </c>
      <c r="C21" s="27" t="s">
        <v>367</v>
      </c>
      <c r="D21" s="25" t="s">
        <v>77</v>
      </c>
      <c r="E21" s="11" t="s">
        <v>30</v>
      </c>
      <c r="F21" s="3" t="s">
        <v>879</v>
      </c>
      <c r="G21" s="5"/>
      <c r="H21" s="4">
        <v>1512</v>
      </c>
      <c r="I21" s="13" t="s">
        <v>74</v>
      </c>
      <c r="J21" s="13" t="s">
        <v>208</v>
      </c>
      <c r="K21" s="11" t="s">
        <v>125</v>
      </c>
      <c r="L21" s="5"/>
      <c r="M21" s="5"/>
      <c r="N21" s="5" t="s">
        <v>300</v>
      </c>
      <c r="O21" s="58">
        <v>3000020141003</v>
      </c>
      <c r="P21" s="5" t="s">
        <v>77</v>
      </c>
      <c r="Q21" s="5" t="s">
        <v>487</v>
      </c>
      <c r="R21" s="12">
        <v>0.39583333333333331</v>
      </c>
      <c r="S21" s="40">
        <v>0.79166666666666663</v>
      </c>
      <c r="T21" s="11" t="s">
        <v>958</v>
      </c>
      <c r="U21" s="19" t="s">
        <v>550</v>
      </c>
      <c r="V21" s="5">
        <v>14</v>
      </c>
      <c r="W21" s="5">
        <v>1</v>
      </c>
      <c r="X21" s="5">
        <v>1</v>
      </c>
      <c r="Y21" s="5">
        <v>1</v>
      </c>
      <c r="Z21" s="11" t="s">
        <v>909</v>
      </c>
      <c r="AA21" s="11" t="s">
        <v>308</v>
      </c>
      <c r="AB21" s="11" t="s">
        <v>977</v>
      </c>
      <c r="AC21" s="11"/>
      <c r="AD21" s="16">
        <v>1</v>
      </c>
      <c r="AE21" s="16">
        <v>1</v>
      </c>
      <c r="AF21" s="16">
        <v>1</v>
      </c>
      <c r="AG21" s="16">
        <v>1</v>
      </c>
      <c r="AH21" s="16">
        <v>1</v>
      </c>
      <c r="AI21" s="16">
        <v>0</v>
      </c>
      <c r="AJ21" s="16">
        <v>1</v>
      </c>
      <c r="AK21" s="16">
        <v>0</v>
      </c>
      <c r="AL21" s="4">
        <v>12683</v>
      </c>
      <c r="AM21" s="11"/>
      <c r="AN21" s="54">
        <v>45065</v>
      </c>
    </row>
    <row r="22" spans="1:40" ht="63" customHeight="1" x14ac:dyDescent="0.2">
      <c r="A22" s="3">
        <v>140007</v>
      </c>
      <c r="B22" s="3" t="s">
        <v>76</v>
      </c>
      <c r="C22" s="27" t="s">
        <v>368</v>
      </c>
      <c r="D22" s="25" t="s">
        <v>78</v>
      </c>
      <c r="E22" s="11" t="s">
        <v>31</v>
      </c>
      <c r="F22" s="3" t="s">
        <v>552</v>
      </c>
      <c r="G22" s="5"/>
      <c r="H22" s="4">
        <v>1512</v>
      </c>
      <c r="I22" s="13" t="s">
        <v>74</v>
      </c>
      <c r="J22" s="13" t="s">
        <v>209</v>
      </c>
      <c r="K22" s="11" t="s">
        <v>978</v>
      </c>
      <c r="L22" s="16">
        <v>35.531938221355098</v>
      </c>
      <c r="M22" s="16">
        <v>139.69856908333301</v>
      </c>
      <c r="N22" s="5" t="s">
        <v>650</v>
      </c>
      <c r="O22" s="59" t="s">
        <v>979</v>
      </c>
      <c r="P22" s="5" t="s">
        <v>78</v>
      </c>
      <c r="Q22" s="5" t="s">
        <v>487</v>
      </c>
      <c r="R22" s="12">
        <v>0.39583333333333331</v>
      </c>
      <c r="S22" s="40">
        <v>0.79166666666666663</v>
      </c>
      <c r="T22" s="11" t="s">
        <v>980</v>
      </c>
      <c r="U22" s="19" t="s">
        <v>553</v>
      </c>
      <c r="V22" s="5">
        <v>14</v>
      </c>
      <c r="W22" s="5">
        <v>1</v>
      </c>
      <c r="X22" s="3">
        <v>1</v>
      </c>
      <c r="Y22" s="5">
        <v>1</v>
      </c>
      <c r="Z22" s="11" t="s">
        <v>306</v>
      </c>
      <c r="AA22" s="11" t="s">
        <v>308</v>
      </c>
      <c r="AB22" s="11" t="s">
        <v>981</v>
      </c>
      <c r="AC22" s="11"/>
      <c r="AD22" s="16">
        <v>0</v>
      </c>
      <c r="AE22" s="16">
        <v>1</v>
      </c>
      <c r="AF22" s="16">
        <v>1</v>
      </c>
      <c r="AG22" s="16">
        <v>1</v>
      </c>
      <c r="AH22" s="16">
        <v>0</v>
      </c>
      <c r="AI22" s="16">
        <v>0</v>
      </c>
      <c r="AJ22" s="16">
        <v>1</v>
      </c>
      <c r="AK22" s="16">
        <v>1</v>
      </c>
      <c r="AL22" s="4">
        <v>13185</v>
      </c>
      <c r="AM22" s="13" t="s">
        <v>888</v>
      </c>
      <c r="AN22" s="54">
        <v>45065</v>
      </c>
    </row>
    <row r="23" spans="1:40" ht="63" customHeight="1" x14ac:dyDescent="0.2">
      <c r="A23" s="3">
        <v>140007</v>
      </c>
      <c r="B23" s="3" t="s">
        <v>76</v>
      </c>
      <c r="C23" s="27" t="s">
        <v>369</v>
      </c>
      <c r="D23" s="25" t="s">
        <v>78</v>
      </c>
      <c r="E23" s="11" t="s">
        <v>651</v>
      </c>
      <c r="F23" s="3" t="s">
        <v>652</v>
      </c>
      <c r="G23" s="5"/>
      <c r="H23" s="4">
        <v>1512</v>
      </c>
      <c r="I23" s="13" t="s">
        <v>74</v>
      </c>
      <c r="J23" s="13" t="s">
        <v>210</v>
      </c>
      <c r="K23" s="11" t="s">
        <v>982</v>
      </c>
      <c r="L23" s="16">
        <v>35.534117999132903</v>
      </c>
      <c r="M23" s="16">
        <v>139.72538838888801</v>
      </c>
      <c r="N23" s="5" t="s">
        <v>653</v>
      </c>
      <c r="O23" s="59" t="s">
        <v>979</v>
      </c>
      <c r="P23" s="5" t="s">
        <v>78</v>
      </c>
      <c r="Q23" s="5" t="s">
        <v>487</v>
      </c>
      <c r="R23" s="12">
        <v>0.41666666666666669</v>
      </c>
      <c r="S23" s="40">
        <v>0.75</v>
      </c>
      <c r="T23" s="11" t="s">
        <v>983</v>
      </c>
      <c r="U23" s="13" t="s">
        <v>554</v>
      </c>
      <c r="V23" s="5">
        <v>14</v>
      </c>
      <c r="W23" s="5">
        <v>1</v>
      </c>
      <c r="X23" s="5">
        <v>1</v>
      </c>
      <c r="Y23" s="5">
        <v>1</v>
      </c>
      <c r="Z23" s="11" t="s">
        <v>307</v>
      </c>
      <c r="AA23" s="11" t="s">
        <v>308</v>
      </c>
      <c r="AB23" s="11" t="s">
        <v>984</v>
      </c>
      <c r="AC23" s="11"/>
      <c r="AD23" s="16">
        <v>1</v>
      </c>
      <c r="AE23" s="16">
        <v>0</v>
      </c>
      <c r="AF23" s="16">
        <v>1</v>
      </c>
      <c r="AG23" s="16">
        <v>1</v>
      </c>
      <c r="AH23" s="16">
        <v>0</v>
      </c>
      <c r="AI23" s="16">
        <v>0</v>
      </c>
      <c r="AJ23" s="16">
        <v>0</v>
      </c>
      <c r="AK23" s="16">
        <v>0</v>
      </c>
      <c r="AL23" s="4">
        <v>5629</v>
      </c>
      <c r="AM23" s="13" t="s">
        <v>888</v>
      </c>
      <c r="AN23" s="54">
        <v>45065</v>
      </c>
    </row>
    <row r="24" spans="1:40" ht="63" customHeight="1" x14ac:dyDescent="0.2">
      <c r="A24" s="3">
        <v>140007</v>
      </c>
      <c r="B24" s="3" t="s">
        <v>76</v>
      </c>
      <c r="C24" s="27" t="s">
        <v>370</v>
      </c>
      <c r="D24" s="25" t="s">
        <v>78</v>
      </c>
      <c r="E24" s="11" t="s">
        <v>654</v>
      </c>
      <c r="F24" s="3" t="s">
        <v>655</v>
      </c>
      <c r="G24" s="5"/>
      <c r="H24" s="4">
        <v>1512</v>
      </c>
      <c r="I24" s="13" t="s">
        <v>74</v>
      </c>
      <c r="J24" s="13" t="s">
        <v>211</v>
      </c>
      <c r="K24" s="11" t="s">
        <v>126</v>
      </c>
      <c r="L24" s="16">
        <v>35.519115443577498</v>
      </c>
      <c r="M24" s="16">
        <v>139.71646833333301</v>
      </c>
      <c r="N24" s="5" t="s">
        <v>656</v>
      </c>
      <c r="O24" s="59" t="s">
        <v>979</v>
      </c>
      <c r="P24" s="5" t="s">
        <v>78</v>
      </c>
      <c r="Q24" s="5" t="s">
        <v>487</v>
      </c>
      <c r="R24" s="12">
        <v>0.41666666666666669</v>
      </c>
      <c r="S24" s="40">
        <v>0.75</v>
      </c>
      <c r="T24" s="11" t="s">
        <v>983</v>
      </c>
      <c r="U24" s="13" t="s">
        <v>555</v>
      </c>
      <c r="V24" s="5">
        <v>14</v>
      </c>
      <c r="W24" s="5">
        <v>1</v>
      </c>
      <c r="X24" s="5">
        <v>1</v>
      </c>
      <c r="Y24" s="5">
        <v>1</v>
      </c>
      <c r="Z24" s="11" t="s">
        <v>657</v>
      </c>
      <c r="AA24" s="11" t="s">
        <v>308</v>
      </c>
      <c r="AB24" s="11" t="s">
        <v>985</v>
      </c>
      <c r="AC24" s="11"/>
      <c r="AD24" s="16">
        <v>0</v>
      </c>
      <c r="AE24" s="16">
        <v>0</v>
      </c>
      <c r="AF24" s="16">
        <v>1</v>
      </c>
      <c r="AG24" s="16">
        <v>1</v>
      </c>
      <c r="AH24" s="16">
        <v>0</v>
      </c>
      <c r="AI24" s="16">
        <v>0</v>
      </c>
      <c r="AJ24" s="16">
        <v>0</v>
      </c>
      <c r="AK24" s="16">
        <v>0</v>
      </c>
      <c r="AL24" s="4">
        <v>6081</v>
      </c>
      <c r="AM24" s="13" t="s">
        <v>888</v>
      </c>
      <c r="AN24" s="54">
        <v>45065</v>
      </c>
    </row>
    <row r="25" spans="1:40" ht="63" customHeight="1" x14ac:dyDescent="0.2">
      <c r="A25" s="3">
        <v>140007</v>
      </c>
      <c r="B25" s="3" t="s">
        <v>76</v>
      </c>
      <c r="C25" s="27" t="s">
        <v>371</v>
      </c>
      <c r="D25" s="25" t="s">
        <v>78</v>
      </c>
      <c r="E25" s="11" t="s">
        <v>32</v>
      </c>
      <c r="F25" s="3" t="s">
        <v>658</v>
      </c>
      <c r="G25" s="5"/>
      <c r="H25" s="4">
        <v>1512</v>
      </c>
      <c r="I25" s="13" t="s">
        <v>74</v>
      </c>
      <c r="J25" s="13" t="s">
        <v>212</v>
      </c>
      <c r="K25" s="11" t="s">
        <v>127</v>
      </c>
      <c r="L25" s="16">
        <v>35.544238082466102</v>
      </c>
      <c r="M25" s="16">
        <v>139.68759127777699</v>
      </c>
      <c r="N25" s="5" t="s">
        <v>659</v>
      </c>
      <c r="O25" s="59" t="s">
        <v>979</v>
      </c>
      <c r="P25" s="5" t="s">
        <v>78</v>
      </c>
      <c r="Q25" s="5" t="s">
        <v>487</v>
      </c>
      <c r="R25" s="12">
        <v>0.39583333333333331</v>
      </c>
      <c r="S25" s="40">
        <v>0.79166666666666663</v>
      </c>
      <c r="T25" s="11" t="s">
        <v>980</v>
      </c>
      <c r="U25" s="13" t="s">
        <v>556</v>
      </c>
      <c r="V25" s="5">
        <v>14</v>
      </c>
      <c r="W25" s="5">
        <v>1</v>
      </c>
      <c r="X25" s="5">
        <v>1</v>
      </c>
      <c r="Y25" s="5">
        <v>1</v>
      </c>
      <c r="Z25" s="11" t="s">
        <v>307</v>
      </c>
      <c r="AA25" s="11" t="s">
        <v>308</v>
      </c>
      <c r="AB25" s="11" t="s">
        <v>986</v>
      </c>
      <c r="AC25" s="11" t="s">
        <v>498</v>
      </c>
      <c r="AD25" s="16">
        <v>1</v>
      </c>
      <c r="AE25" s="16">
        <v>1</v>
      </c>
      <c r="AF25" s="16">
        <v>1</v>
      </c>
      <c r="AG25" s="16">
        <v>1</v>
      </c>
      <c r="AH25" s="16">
        <v>0</v>
      </c>
      <c r="AI25" s="16">
        <v>0</v>
      </c>
      <c r="AJ25" s="16">
        <v>1</v>
      </c>
      <c r="AK25" s="16">
        <v>0</v>
      </c>
      <c r="AL25" s="4">
        <v>16091</v>
      </c>
      <c r="AM25" s="13" t="s">
        <v>888</v>
      </c>
      <c r="AN25" s="54">
        <v>45065</v>
      </c>
    </row>
    <row r="26" spans="1:40" ht="63" customHeight="1" x14ac:dyDescent="0.2">
      <c r="A26" s="3">
        <v>140007</v>
      </c>
      <c r="B26" s="3" t="s">
        <v>76</v>
      </c>
      <c r="C26" s="27" t="s">
        <v>372</v>
      </c>
      <c r="D26" s="25" t="s">
        <v>78</v>
      </c>
      <c r="E26" s="11" t="s">
        <v>660</v>
      </c>
      <c r="F26" s="3" t="s">
        <v>661</v>
      </c>
      <c r="G26" s="5"/>
      <c r="H26" s="4">
        <v>1512</v>
      </c>
      <c r="I26" s="13" t="s">
        <v>74</v>
      </c>
      <c r="J26" s="13" t="s">
        <v>213</v>
      </c>
      <c r="K26" s="11" t="s">
        <v>128</v>
      </c>
      <c r="L26" s="16">
        <v>35.546673300000002</v>
      </c>
      <c r="M26" s="16">
        <v>139.6684477</v>
      </c>
      <c r="N26" s="5" t="s">
        <v>662</v>
      </c>
      <c r="O26" s="59" t="s">
        <v>979</v>
      </c>
      <c r="P26" s="5" t="s">
        <v>78</v>
      </c>
      <c r="Q26" s="5" t="s">
        <v>487</v>
      </c>
      <c r="R26" s="12">
        <v>0.41666666666666669</v>
      </c>
      <c r="S26" s="40">
        <v>0.75</v>
      </c>
      <c r="T26" s="11" t="s">
        <v>983</v>
      </c>
      <c r="U26" s="13" t="s">
        <v>557</v>
      </c>
      <c r="V26" s="5">
        <v>14</v>
      </c>
      <c r="W26" s="5">
        <v>1</v>
      </c>
      <c r="X26" s="5">
        <v>1</v>
      </c>
      <c r="Y26" s="5">
        <v>1</v>
      </c>
      <c r="Z26" s="11" t="s">
        <v>307</v>
      </c>
      <c r="AA26" s="11" t="s">
        <v>308</v>
      </c>
      <c r="AB26" s="11" t="s">
        <v>987</v>
      </c>
      <c r="AC26" s="11"/>
      <c r="AD26" s="16">
        <v>0</v>
      </c>
      <c r="AE26" s="16">
        <v>0</v>
      </c>
      <c r="AF26" s="16">
        <v>1</v>
      </c>
      <c r="AG26" s="16">
        <v>1</v>
      </c>
      <c r="AH26" s="16">
        <v>1</v>
      </c>
      <c r="AI26" s="16">
        <v>0</v>
      </c>
      <c r="AJ26" s="16">
        <v>0</v>
      </c>
      <c r="AK26" s="16">
        <v>0</v>
      </c>
      <c r="AL26" s="4">
        <v>6965</v>
      </c>
      <c r="AM26" s="13" t="s">
        <v>888</v>
      </c>
      <c r="AN26" s="54">
        <v>45065</v>
      </c>
    </row>
    <row r="27" spans="1:40" ht="63" customHeight="1" x14ac:dyDescent="0.2">
      <c r="A27" s="3">
        <v>140007</v>
      </c>
      <c r="B27" s="3" t="s">
        <v>76</v>
      </c>
      <c r="C27" s="27" t="s">
        <v>373</v>
      </c>
      <c r="D27" s="25" t="s">
        <v>78</v>
      </c>
      <c r="E27" s="11" t="s">
        <v>33</v>
      </c>
      <c r="F27" s="3" t="s">
        <v>663</v>
      </c>
      <c r="G27" s="5"/>
      <c r="H27" s="4">
        <v>1512</v>
      </c>
      <c r="I27" s="13" t="s">
        <v>74</v>
      </c>
      <c r="J27" s="13" t="s">
        <v>214</v>
      </c>
      <c r="K27" s="11" t="s">
        <v>129</v>
      </c>
      <c r="L27" s="16">
        <v>35.575875943576897</v>
      </c>
      <c r="M27" s="16">
        <v>139.65918355555499</v>
      </c>
      <c r="N27" s="5" t="s">
        <v>664</v>
      </c>
      <c r="O27" s="59" t="s">
        <v>979</v>
      </c>
      <c r="P27" s="5" t="s">
        <v>78</v>
      </c>
      <c r="Q27" s="5" t="s">
        <v>487</v>
      </c>
      <c r="R27" s="12">
        <v>0.39583333333333331</v>
      </c>
      <c r="S27" s="40">
        <v>0.875</v>
      </c>
      <c r="T27" s="11" t="s">
        <v>980</v>
      </c>
      <c r="U27" s="19" t="s">
        <v>665</v>
      </c>
      <c r="V27" s="5">
        <v>14</v>
      </c>
      <c r="W27" s="5">
        <v>1</v>
      </c>
      <c r="X27" s="5">
        <v>1</v>
      </c>
      <c r="Y27" s="5">
        <v>1</v>
      </c>
      <c r="Z27" s="11" t="s">
        <v>666</v>
      </c>
      <c r="AA27" s="11" t="s">
        <v>308</v>
      </c>
      <c r="AB27" s="11" t="s">
        <v>988</v>
      </c>
      <c r="AC27" s="11"/>
      <c r="AD27" s="16">
        <v>0</v>
      </c>
      <c r="AE27" s="16">
        <v>1</v>
      </c>
      <c r="AF27" s="16">
        <v>1</v>
      </c>
      <c r="AG27" s="16">
        <v>1</v>
      </c>
      <c r="AH27" s="16">
        <v>1</v>
      </c>
      <c r="AI27" s="16">
        <v>1</v>
      </c>
      <c r="AJ27" s="16">
        <v>1</v>
      </c>
      <c r="AK27" s="16">
        <v>1</v>
      </c>
      <c r="AL27" s="4">
        <v>28375</v>
      </c>
      <c r="AM27" s="11" t="s">
        <v>989</v>
      </c>
      <c r="AN27" s="54">
        <v>45065</v>
      </c>
    </row>
    <row r="28" spans="1:40" ht="63" customHeight="1" x14ac:dyDescent="0.2">
      <c r="A28" s="3">
        <v>140007</v>
      </c>
      <c r="B28" s="3" t="s">
        <v>76</v>
      </c>
      <c r="C28" s="27" t="s">
        <v>374</v>
      </c>
      <c r="D28" s="25" t="s">
        <v>78</v>
      </c>
      <c r="E28" s="11" t="s">
        <v>667</v>
      </c>
      <c r="F28" s="3" t="s">
        <v>668</v>
      </c>
      <c r="G28" s="5"/>
      <c r="H28" s="4">
        <v>1512</v>
      </c>
      <c r="I28" s="13" t="s">
        <v>74</v>
      </c>
      <c r="J28" s="13" t="s">
        <v>215</v>
      </c>
      <c r="K28" s="11" t="s">
        <v>130</v>
      </c>
      <c r="L28" s="16">
        <v>35.605214832465499</v>
      </c>
      <c r="M28" s="16">
        <v>139.61511350000001</v>
      </c>
      <c r="N28" s="5" t="s">
        <v>558</v>
      </c>
      <c r="O28" s="59" t="s">
        <v>979</v>
      </c>
      <c r="P28" s="5" t="s">
        <v>78</v>
      </c>
      <c r="Q28" s="5" t="s">
        <v>487</v>
      </c>
      <c r="R28" s="12">
        <v>0.39583333333333331</v>
      </c>
      <c r="S28" s="40">
        <v>0.79166666666666663</v>
      </c>
      <c r="T28" s="11" t="s">
        <v>980</v>
      </c>
      <c r="U28" s="13" t="s">
        <v>559</v>
      </c>
      <c r="V28" s="5">
        <v>14</v>
      </c>
      <c r="W28" s="5">
        <v>1</v>
      </c>
      <c r="X28" s="5">
        <v>1</v>
      </c>
      <c r="Y28" s="5">
        <v>1</v>
      </c>
      <c r="Z28" s="11" t="s">
        <v>666</v>
      </c>
      <c r="AA28" s="11" t="s">
        <v>308</v>
      </c>
      <c r="AB28" s="11" t="s">
        <v>990</v>
      </c>
      <c r="AC28" s="11"/>
      <c r="AD28" s="16">
        <v>0</v>
      </c>
      <c r="AE28" s="16">
        <v>1</v>
      </c>
      <c r="AF28" s="16">
        <v>1</v>
      </c>
      <c r="AG28" s="16">
        <v>1</v>
      </c>
      <c r="AH28" s="16">
        <v>0</v>
      </c>
      <c r="AI28" s="16">
        <v>0</v>
      </c>
      <c r="AJ28" s="16">
        <v>1</v>
      </c>
      <c r="AK28" s="16">
        <v>0</v>
      </c>
      <c r="AL28" s="16">
        <v>31227</v>
      </c>
      <c r="AM28" s="13" t="s">
        <v>889</v>
      </c>
      <c r="AN28" s="54">
        <v>45065</v>
      </c>
    </row>
    <row r="29" spans="1:40" ht="63" customHeight="1" x14ac:dyDescent="0.2">
      <c r="A29" s="3">
        <v>140007</v>
      </c>
      <c r="B29" s="3" t="s">
        <v>76</v>
      </c>
      <c r="C29" s="27" t="s">
        <v>375</v>
      </c>
      <c r="D29" s="25" t="s">
        <v>78</v>
      </c>
      <c r="E29" s="11" t="s">
        <v>669</v>
      </c>
      <c r="F29" s="3" t="s">
        <v>670</v>
      </c>
      <c r="G29" s="5"/>
      <c r="H29" s="4">
        <v>1512</v>
      </c>
      <c r="I29" s="13" t="s">
        <v>74</v>
      </c>
      <c r="J29" s="13" t="s">
        <v>216</v>
      </c>
      <c r="K29" s="11" t="s">
        <v>131</v>
      </c>
      <c r="L29" s="16">
        <v>35.5701225824658</v>
      </c>
      <c r="M29" s="16">
        <v>139.62386327777699</v>
      </c>
      <c r="N29" s="5" t="s">
        <v>671</v>
      </c>
      <c r="O29" s="59" t="s">
        <v>979</v>
      </c>
      <c r="P29" s="5" t="s">
        <v>78</v>
      </c>
      <c r="Q29" s="5" t="s">
        <v>487</v>
      </c>
      <c r="R29" s="12">
        <v>0.41666666666666669</v>
      </c>
      <c r="S29" s="40">
        <v>0.75</v>
      </c>
      <c r="T29" s="11" t="s">
        <v>983</v>
      </c>
      <c r="U29" s="13" t="s">
        <v>560</v>
      </c>
      <c r="V29" s="5">
        <v>14</v>
      </c>
      <c r="W29" s="5">
        <v>1</v>
      </c>
      <c r="X29" s="5">
        <v>1</v>
      </c>
      <c r="Y29" s="5">
        <v>1</v>
      </c>
      <c r="Z29" s="11" t="s">
        <v>307</v>
      </c>
      <c r="AA29" s="11" t="s">
        <v>308</v>
      </c>
      <c r="AB29" s="11" t="s">
        <v>991</v>
      </c>
      <c r="AC29" s="11"/>
      <c r="AD29" s="16">
        <v>1</v>
      </c>
      <c r="AE29" s="16">
        <v>0</v>
      </c>
      <c r="AF29" s="16">
        <v>1</v>
      </c>
      <c r="AG29" s="16">
        <v>1</v>
      </c>
      <c r="AH29" s="16">
        <v>1</v>
      </c>
      <c r="AI29" s="16">
        <v>0</v>
      </c>
      <c r="AJ29" s="16">
        <v>0</v>
      </c>
      <c r="AK29" s="16">
        <v>0</v>
      </c>
      <c r="AL29" s="29">
        <v>5461</v>
      </c>
      <c r="AM29" s="13" t="s">
        <v>889</v>
      </c>
      <c r="AN29" s="54">
        <v>45065</v>
      </c>
    </row>
    <row r="30" spans="1:40" ht="63" customHeight="1" x14ac:dyDescent="0.2">
      <c r="A30" s="3">
        <v>140007</v>
      </c>
      <c r="B30" s="3" t="s">
        <v>76</v>
      </c>
      <c r="C30" s="27" t="s">
        <v>376</v>
      </c>
      <c r="D30" s="25" t="s">
        <v>78</v>
      </c>
      <c r="E30" s="11" t="s">
        <v>34</v>
      </c>
      <c r="F30" s="3" t="s">
        <v>672</v>
      </c>
      <c r="G30" s="5"/>
      <c r="H30" s="4">
        <v>1512</v>
      </c>
      <c r="I30" s="13" t="s">
        <v>74</v>
      </c>
      <c r="J30" s="13" t="s">
        <v>217</v>
      </c>
      <c r="K30" s="11" t="s">
        <v>132</v>
      </c>
      <c r="L30" s="16">
        <v>35.589403300000001</v>
      </c>
      <c r="M30" s="16">
        <v>139.5798849</v>
      </c>
      <c r="N30" s="5" t="s">
        <v>673</v>
      </c>
      <c r="O30" s="59" t="s">
        <v>979</v>
      </c>
      <c r="P30" s="5" t="s">
        <v>78</v>
      </c>
      <c r="Q30" s="5" t="s">
        <v>487</v>
      </c>
      <c r="R30" s="12">
        <v>0.39583333333333331</v>
      </c>
      <c r="S30" s="40">
        <v>0.79166666666666663</v>
      </c>
      <c r="T30" s="11" t="s">
        <v>980</v>
      </c>
      <c r="U30" s="13" t="s">
        <v>561</v>
      </c>
      <c r="V30" s="5">
        <v>14</v>
      </c>
      <c r="W30" s="5">
        <v>1</v>
      </c>
      <c r="X30" s="5">
        <v>1</v>
      </c>
      <c r="Y30" s="5">
        <v>1</v>
      </c>
      <c r="Z30" s="11" t="s">
        <v>307</v>
      </c>
      <c r="AA30" s="11" t="s">
        <v>308</v>
      </c>
      <c r="AB30" s="11" t="s">
        <v>992</v>
      </c>
      <c r="AC30" s="11" t="s">
        <v>498</v>
      </c>
      <c r="AD30" s="16">
        <v>1</v>
      </c>
      <c r="AE30" s="16">
        <v>1</v>
      </c>
      <c r="AF30" s="16">
        <v>1</v>
      </c>
      <c r="AG30" s="16">
        <v>1</v>
      </c>
      <c r="AH30" s="16">
        <v>0</v>
      </c>
      <c r="AI30" s="16">
        <v>0</v>
      </c>
      <c r="AJ30" s="16">
        <v>1</v>
      </c>
      <c r="AK30" s="16">
        <v>0</v>
      </c>
      <c r="AL30" s="4">
        <v>27713</v>
      </c>
      <c r="AM30" s="13" t="s">
        <v>890</v>
      </c>
      <c r="AN30" s="54">
        <v>45065</v>
      </c>
    </row>
    <row r="31" spans="1:40" ht="63" customHeight="1" x14ac:dyDescent="0.2">
      <c r="A31" s="3">
        <v>140007</v>
      </c>
      <c r="B31" s="3" t="s">
        <v>76</v>
      </c>
      <c r="C31" s="27" t="s">
        <v>377</v>
      </c>
      <c r="D31" s="25" t="s">
        <v>78</v>
      </c>
      <c r="E31" s="11" t="s">
        <v>35</v>
      </c>
      <c r="F31" s="3" t="s">
        <v>674</v>
      </c>
      <c r="G31" s="5"/>
      <c r="H31" s="4">
        <v>1512</v>
      </c>
      <c r="I31" s="13" t="s">
        <v>74</v>
      </c>
      <c r="J31" s="13" t="s">
        <v>218</v>
      </c>
      <c r="K31" s="11" t="s">
        <v>133</v>
      </c>
      <c r="L31" s="16">
        <v>35.619589499999996</v>
      </c>
      <c r="M31" s="16">
        <v>139.5620083</v>
      </c>
      <c r="N31" s="5" t="s">
        <v>675</v>
      </c>
      <c r="O31" s="59" t="s">
        <v>979</v>
      </c>
      <c r="P31" s="5" t="s">
        <v>78</v>
      </c>
      <c r="Q31" s="5" t="s">
        <v>487</v>
      </c>
      <c r="R31" s="12">
        <v>0.39583333333333331</v>
      </c>
      <c r="S31" s="40">
        <v>0.79166666666666663</v>
      </c>
      <c r="T31" s="11" t="s">
        <v>980</v>
      </c>
      <c r="U31" s="19" t="s">
        <v>562</v>
      </c>
      <c r="V31" s="5">
        <v>14</v>
      </c>
      <c r="W31" s="5">
        <v>1</v>
      </c>
      <c r="X31" s="5">
        <v>1</v>
      </c>
      <c r="Y31" s="5">
        <v>1</v>
      </c>
      <c r="Z31" s="11" t="s">
        <v>307</v>
      </c>
      <c r="AA31" s="11" t="s">
        <v>308</v>
      </c>
      <c r="AB31" s="11" t="s">
        <v>993</v>
      </c>
      <c r="AC31" s="11" t="s">
        <v>305</v>
      </c>
      <c r="AD31" s="16">
        <v>1</v>
      </c>
      <c r="AE31" s="16">
        <v>1</v>
      </c>
      <c r="AF31" s="16">
        <v>1</v>
      </c>
      <c r="AG31" s="16">
        <v>1</v>
      </c>
      <c r="AH31" s="16">
        <v>0</v>
      </c>
      <c r="AI31" s="16">
        <v>0</v>
      </c>
      <c r="AJ31" s="16">
        <v>1</v>
      </c>
      <c r="AK31" s="16">
        <v>1</v>
      </c>
      <c r="AL31" s="4">
        <v>25104</v>
      </c>
      <c r="AM31" s="13" t="s">
        <v>891</v>
      </c>
      <c r="AN31" s="54">
        <v>45065</v>
      </c>
    </row>
    <row r="32" spans="1:40" ht="63" customHeight="1" x14ac:dyDescent="0.2">
      <c r="A32" s="3">
        <v>140007</v>
      </c>
      <c r="B32" s="3" t="s">
        <v>76</v>
      </c>
      <c r="C32" s="27" t="s">
        <v>378</v>
      </c>
      <c r="D32" s="25" t="s">
        <v>78</v>
      </c>
      <c r="E32" s="11" t="s">
        <v>36</v>
      </c>
      <c r="F32" s="3" t="s">
        <v>563</v>
      </c>
      <c r="G32" s="5"/>
      <c r="H32" s="4">
        <v>1512</v>
      </c>
      <c r="I32" s="13" t="s">
        <v>74</v>
      </c>
      <c r="J32" s="13" t="s">
        <v>219</v>
      </c>
      <c r="K32" s="11" t="s">
        <v>134</v>
      </c>
      <c r="L32" s="16">
        <v>35.604386999132103</v>
      </c>
      <c r="M32" s="16">
        <v>139.50535400000001</v>
      </c>
      <c r="N32" s="5" t="s">
        <v>564</v>
      </c>
      <c r="O32" s="59" t="s">
        <v>979</v>
      </c>
      <c r="P32" s="5" t="s">
        <v>78</v>
      </c>
      <c r="Q32" s="5" t="s">
        <v>487</v>
      </c>
      <c r="R32" s="12">
        <v>0.39583333333333331</v>
      </c>
      <c r="S32" s="40">
        <v>0.79166666666666663</v>
      </c>
      <c r="T32" s="11" t="s">
        <v>994</v>
      </c>
      <c r="U32" s="13" t="s">
        <v>565</v>
      </c>
      <c r="V32" s="5">
        <v>14</v>
      </c>
      <c r="W32" s="5">
        <v>1</v>
      </c>
      <c r="X32" s="5">
        <v>1</v>
      </c>
      <c r="Y32" s="5">
        <v>1</v>
      </c>
      <c r="Z32" s="11" t="s">
        <v>307</v>
      </c>
      <c r="AA32" s="11" t="s">
        <v>308</v>
      </c>
      <c r="AB32" s="11" t="s">
        <v>995</v>
      </c>
      <c r="AC32" s="11" t="s">
        <v>498</v>
      </c>
      <c r="AD32" s="16">
        <v>0</v>
      </c>
      <c r="AE32" s="16">
        <v>1</v>
      </c>
      <c r="AF32" s="16">
        <v>0</v>
      </c>
      <c r="AG32" s="16">
        <v>0</v>
      </c>
      <c r="AH32" s="16">
        <v>0</v>
      </c>
      <c r="AI32" s="16">
        <v>0</v>
      </c>
      <c r="AJ32" s="16">
        <v>1</v>
      </c>
      <c r="AK32" s="16">
        <v>0</v>
      </c>
      <c r="AL32" s="4">
        <v>21706</v>
      </c>
      <c r="AM32" s="13" t="s">
        <v>892</v>
      </c>
      <c r="AN32" s="54">
        <v>45065</v>
      </c>
    </row>
    <row r="33" spans="1:40" ht="63" customHeight="1" x14ac:dyDescent="0.2">
      <c r="A33" s="3">
        <v>140007</v>
      </c>
      <c r="B33" s="3" t="s">
        <v>76</v>
      </c>
      <c r="C33" s="27" t="s">
        <v>379</v>
      </c>
      <c r="D33" s="25" t="s">
        <v>78</v>
      </c>
      <c r="E33" s="11" t="s">
        <v>566</v>
      </c>
      <c r="F33" s="3" t="s">
        <v>567</v>
      </c>
      <c r="G33" s="5"/>
      <c r="H33" s="4">
        <v>1512</v>
      </c>
      <c r="I33" s="13" t="s">
        <v>74</v>
      </c>
      <c r="J33" s="13" t="s">
        <v>220</v>
      </c>
      <c r="K33" s="11" t="s">
        <v>135</v>
      </c>
      <c r="L33" s="16">
        <v>35.591170999132302</v>
      </c>
      <c r="M33" s="16">
        <v>139.495023</v>
      </c>
      <c r="N33" s="5" t="s">
        <v>568</v>
      </c>
      <c r="O33" s="59" t="s">
        <v>979</v>
      </c>
      <c r="P33" s="5" t="s">
        <v>78</v>
      </c>
      <c r="Q33" s="5" t="s">
        <v>487</v>
      </c>
      <c r="R33" s="12">
        <v>0.41666666666666669</v>
      </c>
      <c r="S33" s="40">
        <v>0.75</v>
      </c>
      <c r="T33" s="11" t="s">
        <v>996</v>
      </c>
      <c r="U33" s="13" t="s">
        <v>569</v>
      </c>
      <c r="V33" s="5">
        <v>14</v>
      </c>
      <c r="W33" s="5">
        <v>1</v>
      </c>
      <c r="X33" s="5">
        <v>1</v>
      </c>
      <c r="Y33" s="5">
        <v>1</v>
      </c>
      <c r="Z33" s="11" t="s">
        <v>307</v>
      </c>
      <c r="AA33" s="11" t="s">
        <v>308</v>
      </c>
      <c r="AB33" s="11" t="s">
        <v>997</v>
      </c>
      <c r="AC33" s="11"/>
      <c r="AD33" s="16">
        <v>1</v>
      </c>
      <c r="AE33" s="16">
        <v>0</v>
      </c>
      <c r="AF33" s="16">
        <v>1</v>
      </c>
      <c r="AG33" s="16">
        <v>1</v>
      </c>
      <c r="AH33" s="16">
        <v>0</v>
      </c>
      <c r="AI33" s="16">
        <v>0</v>
      </c>
      <c r="AJ33" s="16">
        <v>0</v>
      </c>
      <c r="AK33" s="16">
        <v>0</v>
      </c>
      <c r="AL33" s="4">
        <v>7861</v>
      </c>
      <c r="AM33" s="13" t="s">
        <v>888</v>
      </c>
      <c r="AN33" s="54">
        <v>45065</v>
      </c>
    </row>
    <row r="34" spans="1:40" ht="106.8" customHeight="1" x14ac:dyDescent="0.2">
      <c r="A34" s="3">
        <v>140007</v>
      </c>
      <c r="B34" s="3" t="s">
        <v>76</v>
      </c>
      <c r="C34" s="27" t="s">
        <v>380</v>
      </c>
      <c r="D34" s="25" t="s">
        <v>79</v>
      </c>
      <c r="E34" s="11" t="s">
        <v>893</v>
      </c>
      <c r="F34" s="3" t="s">
        <v>769</v>
      </c>
      <c r="G34" s="5"/>
      <c r="H34" s="4">
        <v>1512</v>
      </c>
      <c r="I34" s="13" t="s">
        <v>74</v>
      </c>
      <c r="J34" s="13" t="s">
        <v>221</v>
      </c>
      <c r="K34" s="11" t="s">
        <v>136</v>
      </c>
      <c r="L34" s="16"/>
      <c r="M34" s="16"/>
      <c r="N34" s="5" t="s">
        <v>770</v>
      </c>
      <c r="O34" s="58">
        <v>1000020141500</v>
      </c>
      <c r="P34" s="5" t="s">
        <v>79</v>
      </c>
      <c r="Q34" s="5" t="s">
        <v>486</v>
      </c>
      <c r="R34" s="12">
        <v>0.39583333333333331</v>
      </c>
      <c r="S34" s="40">
        <v>0.83333333333333337</v>
      </c>
      <c r="T34" s="11" t="s">
        <v>998</v>
      </c>
      <c r="U34" s="19" t="s">
        <v>570</v>
      </c>
      <c r="V34" s="5">
        <v>14</v>
      </c>
      <c r="W34" s="5">
        <v>1</v>
      </c>
      <c r="X34" s="5">
        <v>1</v>
      </c>
      <c r="Y34" s="5">
        <v>1</v>
      </c>
      <c r="Z34" s="11" t="s">
        <v>476</v>
      </c>
      <c r="AA34" s="11"/>
      <c r="AB34" s="11" t="s">
        <v>999</v>
      </c>
      <c r="AC34" s="11" t="s">
        <v>280</v>
      </c>
      <c r="AD34" s="16">
        <v>1</v>
      </c>
      <c r="AE34" s="16">
        <v>1</v>
      </c>
      <c r="AF34" s="16">
        <v>1</v>
      </c>
      <c r="AG34" s="16">
        <v>1</v>
      </c>
      <c r="AH34" s="4">
        <v>1</v>
      </c>
      <c r="AI34" s="4">
        <v>0</v>
      </c>
      <c r="AJ34" s="16">
        <v>1</v>
      </c>
      <c r="AK34" s="16">
        <v>1</v>
      </c>
      <c r="AL34" s="4">
        <v>31094</v>
      </c>
      <c r="AM34" s="11" t="s">
        <v>919</v>
      </c>
      <c r="AN34" s="54">
        <v>45065</v>
      </c>
    </row>
    <row r="35" spans="1:40" ht="119.4" customHeight="1" x14ac:dyDescent="0.2">
      <c r="A35" s="3">
        <v>140007</v>
      </c>
      <c r="B35" s="3" t="s">
        <v>76</v>
      </c>
      <c r="C35" s="27" t="s">
        <v>381</v>
      </c>
      <c r="D35" s="25" t="s">
        <v>79</v>
      </c>
      <c r="E35" s="11" t="s">
        <v>467</v>
      </c>
      <c r="F35" s="3" t="s">
        <v>771</v>
      </c>
      <c r="G35" s="5"/>
      <c r="H35" s="4">
        <v>1512</v>
      </c>
      <c r="I35" s="13" t="s">
        <v>74</v>
      </c>
      <c r="J35" s="13" t="s">
        <v>222</v>
      </c>
      <c r="K35" s="11" t="s">
        <v>137</v>
      </c>
      <c r="L35" s="16"/>
      <c r="M35" s="16"/>
      <c r="N35" s="5" t="s">
        <v>688</v>
      </c>
      <c r="O35" s="58">
        <v>1000020141500</v>
      </c>
      <c r="P35" s="5" t="s">
        <v>79</v>
      </c>
      <c r="Q35" s="5" t="s">
        <v>486</v>
      </c>
      <c r="R35" s="12">
        <v>0.375</v>
      </c>
      <c r="S35" s="40">
        <v>0.70833333333333337</v>
      </c>
      <c r="T35" s="11" t="s">
        <v>772</v>
      </c>
      <c r="U35" s="19" t="s">
        <v>570</v>
      </c>
      <c r="V35" s="5">
        <v>14</v>
      </c>
      <c r="W35" s="5">
        <v>1</v>
      </c>
      <c r="X35" s="5">
        <v>1</v>
      </c>
      <c r="Y35" s="5">
        <v>1</v>
      </c>
      <c r="Z35" s="11" t="s">
        <v>476</v>
      </c>
      <c r="AA35" s="11"/>
      <c r="AB35" s="11" t="s">
        <v>1000</v>
      </c>
      <c r="AC35" s="11"/>
      <c r="AD35" s="16">
        <v>1</v>
      </c>
      <c r="AE35" s="16">
        <v>1</v>
      </c>
      <c r="AF35" s="16">
        <v>1</v>
      </c>
      <c r="AG35" s="16">
        <v>0</v>
      </c>
      <c r="AH35" s="16">
        <v>0</v>
      </c>
      <c r="AI35" s="4">
        <v>0</v>
      </c>
      <c r="AJ35" s="16">
        <v>0</v>
      </c>
      <c r="AK35" s="16">
        <v>0</v>
      </c>
      <c r="AL35" s="4">
        <v>6380</v>
      </c>
      <c r="AM35" s="11" t="s">
        <v>881</v>
      </c>
      <c r="AN35" s="54">
        <v>45065</v>
      </c>
    </row>
    <row r="36" spans="1:40" ht="119.4" customHeight="1" x14ac:dyDescent="0.2">
      <c r="A36" s="3">
        <v>140007</v>
      </c>
      <c r="B36" s="3" t="s">
        <v>76</v>
      </c>
      <c r="C36" s="27" t="s">
        <v>689</v>
      </c>
      <c r="D36" s="25" t="s">
        <v>79</v>
      </c>
      <c r="E36" s="11" t="s">
        <v>773</v>
      </c>
      <c r="F36" s="3" t="s">
        <v>774</v>
      </c>
      <c r="G36" s="5"/>
      <c r="H36" s="4">
        <v>1512</v>
      </c>
      <c r="I36" s="13" t="s">
        <v>74</v>
      </c>
      <c r="J36" s="13" t="s">
        <v>223</v>
      </c>
      <c r="K36" s="11" t="s">
        <v>925</v>
      </c>
      <c r="L36" s="16"/>
      <c r="M36" s="16"/>
      <c r="N36" s="5" t="s">
        <v>775</v>
      </c>
      <c r="O36" s="57">
        <v>1000020141500</v>
      </c>
      <c r="P36" s="5" t="s">
        <v>79</v>
      </c>
      <c r="Q36" s="5" t="s">
        <v>486</v>
      </c>
      <c r="R36" s="12">
        <v>0.39583333333333331</v>
      </c>
      <c r="S36" s="40">
        <v>0.83333333333333337</v>
      </c>
      <c r="T36" s="11" t="s">
        <v>1001</v>
      </c>
      <c r="U36" s="19" t="s">
        <v>570</v>
      </c>
      <c r="V36" s="5">
        <v>14</v>
      </c>
      <c r="W36" s="5">
        <v>1</v>
      </c>
      <c r="X36" s="5">
        <v>1</v>
      </c>
      <c r="Y36" s="5">
        <v>1</v>
      </c>
      <c r="Z36" s="11" t="s">
        <v>476</v>
      </c>
      <c r="AA36" s="11"/>
      <c r="AB36" s="11" t="s">
        <v>1002</v>
      </c>
      <c r="AC36" s="11" t="s">
        <v>926</v>
      </c>
      <c r="AD36" s="16">
        <v>1</v>
      </c>
      <c r="AE36" s="16">
        <v>1</v>
      </c>
      <c r="AF36" s="16">
        <v>1</v>
      </c>
      <c r="AG36" s="16">
        <v>1</v>
      </c>
      <c r="AH36" s="16">
        <v>0</v>
      </c>
      <c r="AI36" s="4">
        <v>0</v>
      </c>
      <c r="AJ36" s="4">
        <v>1</v>
      </c>
      <c r="AK36" s="16">
        <v>1</v>
      </c>
      <c r="AL36" s="4">
        <v>24274</v>
      </c>
      <c r="AM36" s="11" t="s">
        <v>927</v>
      </c>
      <c r="AN36" s="54">
        <v>45065</v>
      </c>
    </row>
    <row r="37" spans="1:40" ht="119.4" customHeight="1" x14ac:dyDescent="0.2">
      <c r="A37" s="3">
        <v>140007</v>
      </c>
      <c r="B37" s="3" t="s">
        <v>76</v>
      </c>
      <c r="C37" s="27" t="s">
        <v>382</v>
      </c>
      <c r="D37" s="25" t="s">
        <v>79</v>
      </c>
      <c r="E37" s="11" t="s">
        <v>37</v>
      </c>
      <c r="F37" s="3" t="s">
        <v>690</v>
      </c>
      <c r="G37" s="5"/>
      <c r="H37" s="4">
        <v>1512</v>
      </c>
      <c r="I37" s="13" t="s">
        <v>74</v>
      </c>
      <c r="J37" s="13" t="s">
        <v>224</v>
      </c>
      <c r="K37" s="11" t="s">
        <v>928</v>
      </c>
      <c r="L37" s="16"/>
      <c r="M37" s="16"/>
      <c r="N37" s="5" t="s">
        <v>910</v>
      </c>
      <c r="O37" s="60" t="s">
        <v>691</v>
      </c>
      <c r="P37" s="5" t="s">
        <v>79</v>
      </c>
      <c r="Q37" s="5" t="s">
        <v>486</v>
      </c>
      <c r="R37" s="12">
        <v>0.39583333333333331</v>
      </c>
      <c r="S37" s="40">
        <v>0.83333333333333337</v>
      </c>
      <c r="T37" s="11" t="s">
        <v>1003</v>
      </c>
      <c r="U37" s="19" t="s">
        <v>570</v>
      </c>
      <c r="V37" s="5">
        <v>14</v>
      </c>
      <c r="W37" s="5">
        <v>1</v>
      </c>
      <c r="X37" s="5">
        <v>1</v>
      </c>
      <c r="Y37" s="5">
        <v>1</v>
      </c>
      <c r="Z37" s="11" t="s">
        <v>476</v>
      </c>
      <c r="AA37" s="11"/>
      <c r="AB37" s="11" t="s">
        <v>1004</v>
      </c>
      <c r="AC37" s="11" t="s">
        <v>929</v>
      </c>
      <c r="AD37" s="16">
        <v>1</v>
      </c>
      <c r="AE37" s="16">
        <v>1</v>
      </c>
      <c r="AF37" s="16">
        <v>0</v>
      </c>
      <c r="AG37" s="16">
        <v>0</v>
      </c>
      <c r="AH37" s="16">
        <v>0</v>
      </c>
      <c r="AI37" s="4">
        <v>0</v>
      </c>
      <c r="AJ37" s="16">
        <v>1</v>
      </c>
      <c r="AK37" s="16">
        <v>1</v>
      </c>
      <c r="AL37" s="4">
        <v>21924</v>
      </c>
      <c r="AM37" s="11" t="s">
        <v>1103</v>
      </c>
      <c r="AN37" s="54">
        <v>45065</v>
      </c>
    </row>
    <row r="38" spans="1:40" s="30" customFormat="1" ht="100.8" customHeight="1" x14ac:dyDescent="0.2">
      <c r="A38" s="5">
        <v>140007</v>
      </c>
      <c r="B38" s="5" t="s">
        <v>76</v>
      </c>
      <c r="C38" s="27" t="s">
        <v>383</v>
      </c>
      <c r="D38" s="25" t="s">
        <v>80</v>
      </c>
      <c r="E38" s="11" t="s">
        <v>38</v>
      </c>
      <c r="F38" s="11" t="s">
        <v>615</v>
      </c>
      <c r="G38" s="5"/>
      <c r="H38" s="16">
        <v>1512</v>
      </c>
      <c r="I38" s="13" t="s">
        <v>74</v>
      </c>
      <c r="J38" s="13" t="s">
        <v>225</v>
      </c>
      <c r="K38" s="11" t="s">
        <v>138</v>
      </c>
      <c r="L38" s="16">
        <v>35.274436456562697</v>
      </c>
      <c r="M38" s="16">
        <v>139.66834586914001</v>
      </c>
      <c r="N38" s="5" t="s">
        <v>776</v>
      </c>
      <c r="O38" s="57">
        <v>3000020142018</v>
      </c>
      <c r="P38" s="5" t="s">
        <v>80</v>
      </c>
      <c r="Q38" s="5" t="s">
        <v>486</v>
      </c>
      <c r="R38" s="12">
        <v>0.39583333333333331</v>
      </c>
      <c r="S38" s="40">
        <v>0.72222222222222221</v>
      </c>
      <c r="T38" s="11" t="s">
        <v>1005</v>
      </c>
      <c r="U38" s="19" t="s">
        <v>310</v>
      </c>
      <c r="V38" s="3">
        <v>14</v>
      </c>
      <c r="W38" s="3">
        <v>1</v>
      </c>
      <c r="X38" s="3">
        <v>1</v>
      </c>
      <c r="Y38" s="3">
        <v>1</v>
      </c>
      <c r="Z38" s="11" t="s">
        <v>511</v>
      </c>
      <c r="AA38" s="11" t="s">
        <v>308</v>
      </c>
      <c r="AB38" s="11" t="s">
        <v>1006</v>
      </c>
      <c r="AC38" s="11"/>
      <c r="AD38" s="16">
        <v>1</v>
      </c>
      <c r="AE38" s="16">
        <v>1</v>
      </c>
      <c r="AF38" s="16">
        <v>1</v>
      </c>
      <c r="AG38" s="16">
        <v>1</v>
      </c>
      <c r="AH38" s="16">
        <v>1</v>
      </c>
      <c r="AI38" s="16">
        <v>1</v>
      </c>
      <c r="AJ38" s="16">
        <v>0</v>
      </c>
      <c r="AK38" s="16">
        <v>1</v>
      </c>
      <c r="AL38" s="16">
        <v>11808</v>
      </c>
      <c r="AM38" s="13"/>
      <c r="AN38" s="54">
        <v>45065</v>
      </c>
    </row>
    <row r="39" spans="1:40" s="30" customFormat="1" ht="100.8" customHeight="1" x14ac:dyDescent="0.2">
      <c r="A39" s="5">
        <v>140007</v>
      </c>
      <c r="B39" s="5" t="s">
        <v>76</v>
      </c>
      <c r="C39" s="27" t="s">
        <v>384</v>
      </c>
      <c r="D39" s="25" t="s">
        <v>80</v>
      </c>
      <c r="E39" s="11" t="s">
        <v>39</v>
      </c>
      <c r="F39" s="3" t="s">
        <v>777</v>
      </c>
      <c r="G39" s="5"/>
      <c r="H39" s="16">
        <v>1512</v>
      </c>
      <c r="I39" s="13" t="s">
        <v>74</v>
      </c>
      <c r="J39" s="13" t="s">
        <v>226</v>
      </c>
      <c r="K39" s="11" t="s">
        <v>139</v>
      </c>
      <c r="L39" s="16">
        <v>35.277841895993603</v>
      </c>
      <c r="M39" s="16">
        <v>139.671155180021</v>
      </c>
      <c r="N39" s="5" t="s">
        <v>778</v>
      </c>
      <c r="O39" s="57">
        <v>3000020142018</v>
      </c>
      <c r="P39" s="5" t="s">
        <v>80</v>
      </c>
      <c r="Q39" s="5" t="s">
        <v>486</v>
      </c>
      <c r="R39" s="12">
        <v>0.39583333333333331</v>
      </c>
      <c r="S39" s="40">
        <v>0.72222222222222221</v>
      </c>
      <c r="T39" s="11" t="s">
        <v>930</v>
      </c>
      <c r="U39" s="13"/>
      <c r="V39" s="3">
        <v>14</v>
      </c>
      <c r="W39" s="3">
        <v>1</v>
      </c>
      <c r="X39" s="3">
        <v>1</v>
      </c>
      <c r="Y39" s="3">
        <v>1</v>
      </c>
      <c r="Z39" s="11" t="s">
        <v>511</v>
      </c>
      <c r="AA39" s="11" t="s">
        <v>308</v>
      </c>
      <c r="AB39" s="11" t="s">
        <v>1007</v>
      </c>
      <c r="AC39" s="11"/>
      <c r="AD39" s="16">
        <v>1</v>
      </c>
      <c r="AE39" s="16">
        <v>1</v>
      </c>
      <c r="AF39" s="16">
        <v>1</v>
      </c>
      <c r="AG39" s="16">
        <v>1</v>
      </c>
      <c r="AH39" s="16">
        <v>1</v>
      </c>
      <c r="AI39" s="16">
        <v>1</v>
      </c>
      <c r="AJ39" s="16">
        <v>1</v>
      </c>
      <c r="AK39" s="16">
        <v>0</v>
      </c>
      <c r="AL39" s="16">
        <v>20685</v>
      </c>
      <c r="AM39" s="13"/>
      <c r="AN39" s="54">
        <v>45065</v>
      </c>
    </row>
    <row r="40" spans="1:40" s="30" customFormat="1" ht="100.8" customHeight="1" x14ac:dyDescent="0.2">
      <c r="A40" s="5">
        <v>140007</v>
      </c>
      <c r="B40" s="5" t="s">
        <v>76</v>
      </c>
      <c r="C40" s="27" t="s">
        <v>385</v>
      </c>
      <c r="D40" s="25" t="s">
        <v>80</v>
      </c>
      <c r="E40" s="11" t="s">
        <v>40</v>
      </c>
      <c r="F40" s="3" t="s">
        <v>616</v>
      </c>
      <c r="G40" s="5"/>
      <c r="H40" s="16">
        <v>1512</v>
      </c>
      <c r="I40" s="13" t="s">
        <v>74</v>
      </c>
      <c r="J40" s="13" t="s">
        <v>227</v>
      </c>
      <c r="K40" s="11" t="s">
        <v>140</v>
      </c>
      <c r="L40" s="16">
        <v>35.3186521147436</v>
      </c>
      <c r="M40" s="16">
        <v>139.63224292531399</v>
      </c>
      <c r="N40" s="5" t="s">
        <v>779</v>
      </c>
      <c r="O40" s="57">
        <v>3000020142018</v>
      </c>
      <c r="P40" s="5" t="s">
        <v>80</v>
      </c>
      <c r="Q40" s="5" t="s">
        <v>486</v>
      </c>
      <c r="R40" s="12">
        <v>0.39583333333333331</v>
      </c>
      <c r="S40" s="40">
        <v>0.72222222222222221</v>
      </c>
      <c r="T40" s="11" t="s">
        <v>1005</v>
      </c>
      <c r="U40" s="13"/>
      <c r="V40" s="3">
        <v>14</v>
      </c>
      <c r="W40" s="3">
        <v>1</v>
      </c>
      <c r="X40" s="3">
        <v>1</v>
      </c>
      <c r="Y40" s="3">
        <v>1</v>
      </c>
      <c r="Z40" s="11" t="s">
        <v>511</v>
      </c>
      <c r="AA40" s="11" t="s">
        <v>308</v>
      </c>
      <c r="AB40" s="11" t="s">
        <v>1008</v>
      </c>
      <c r="AC40" s="11"/>
      <c r="AD40" s="16">
        <v>1</v>
      </c>
      <c r="AE40" s="16">
        <v>1</v>
      </c>
      <c r="AF40" s="16">
        <v>1</v>
      </c>
      <c r="AG40" s="16">
        <v>1</v>
      </c>
      <c r="AH40" s="16">
        <v>1</v>
      </c>
      <c r="AI40" s="16">
        <v>1</v>
      </c>
      <c r="AJ40" s="16">
        <v>1</v>
      </c>
      <c r="AK40" s="16">
        <v>0</v>
      </c>
      <c r="AL40" s="16">
        <v>13146</v>
      </c>
      <c r="AM40" s="13"/>
      <c r="AN40" s="54">
        <v>45065</v>
      </c>
    </row>
    <row r="41" spans="1:40" s="30" customFormat="1" ht="100.8" customHeight="1" x14ac:dyDescent="0.2">
      <c r="A41" s="5">
        <v>140007</v>
      </c>
      <c r="B41" s="5" t="s">
        <v>76</v>
      </c>
      <c r="C41" s="27" t="s">
        <v>386</v>
      </c>
      <c r="D41" s="25" t="s">
        <v>80</v>
      </c>
      <c r="E41" s="11" t="s">
        <v>41</v>
      </c>
      <c r="F41" s="3" t="s">
        <v>780</v>
      </c>
      <c r="G41" s="5"/>
      <c r="H41" s="16">
        <v>1512</v>
      </c>
      <c r="I41" s="13" t="s">
        <v>74</v>
      </c>
      <c r="J41" s="13" t="s">
        <v>228</v>
      </c>
      <c r="K41" s="11" t="s">
        <v>141</v>
      </c>
      <c r="L41" s="16">
        <v>35.227069696142401</v>
      </c>
      <c r="M41" s="16">
        <v>139.706096764356</v>
      </c>
      <c r="N41" s="5" t="s">
        <v>617</v>
      </c>
      <c r="O41" s="57">
        <v>3000020142018</v>
      </c>
      <c r="P41" s="5" t="s">
        <v>80</v>
      </c>
      <c r="Q41" s="5" t="s">
        <v>486</v>
      </c>
      <c r="R41" s="12">
        <v>0.39583333333333331</v>
      </c>
      <c r="S41" s="40">
        <v>0.72222222222222221</v>
      </c>
      <c r="T41" s="11" t="s">
        <v>1005</v>
      </c>
      <c r="U41" s="13"/>
      <c r="V41" s="3">
        <v>14</v>
      </c>
      <c r="W41" s="3">
        <v>1</v>
      </c>
      <c r="X41" s="3">
        <v>1</v>
      </c>
      <c r="Y41" s="3">
        <v>1</v>
      </c>
      <c r="Z41" s="11" t="s">
        <v>511</v>
      </c>
      <c r="AA41" s="11" t="s">
        <v>308</v>
      </c>
      <c r="AB41" s="11" t="s">
        <v>1009</v>
      </c>
      <c r="AC41" s="11"/>
      <c r="AD41" s="16">
        <v>1</v>
      </c>
      <c r="AE41" s="16">
        <v>1</v>
      </c>
      <c r="AF41" s="16">
        <v>1</v>
      </c>
      <c r="AG41" s="16">
        <v>1</v>
      </c>
      <c r="AH41" s="16">
        <v>1</v>
      </c>
      <c r="AI41" s="16">
        <v>1</v>
      </c>
      <c r="AJ41" s="16">
        <v>1</v>
      </c>
      <c r="AK41" s="16">
        <v>0</v>
      </c>
      <c r="AL41" s="16">
        <v>11091</v>
      </c>
      <c r="AM41" s="13"/>
      <c r="AN41" s="54">
        <v>45065</v>
      </c>
    </row>
    <row r="42" spans="1:40" ht="100.8" customHeight="1" x14ac:dyDescent="0.2">
      <c r="A42" s="3">
        <v>140007</v>
      </c>
      <c r="B42" s="3" t="s">
        <v>76</v>
      </c>
      <c r="C42" s="27" t="s">
        <v>387</v>
      </c>
      <c r="D42" s="25" t="s">
        <v>80</v>
      </c>
      <c r="E42" s="11" t="s">
        <v>309</v>
      </c>
      <c r="F42" s="3" t="s">
        <v>781</v>
      </c>
      <c r="G42" s="5"/>
      <c r="H42" s="4">
        <v>1305</v>
      </c>
      <c r="I42" s="13" t="s">
        <v>443</v>
      </c>
      <c r="J42" s="13" t="s">
        <v>618</v>
      </c>
      <c r="K42" s="11" t="s">
        <v>782</v>
      </c>
      <c r="L42" s="16">
        <v>35.301249112404399</v>
      </c>
      <c r="M42" s="16">
        <v>139.629074873024</v>
      </c>
      <c r="N42" s="5" t="s">
        <v>783</v>
      </c>
      <c r="O42" s="57">
        <v>3000020142018</v>
      </c>
      <c r="P42" s="5" t="s">
        <v>80</v>
      </c>
      <c r="Q42" s="5" t="s">
        <v>487</v>
      </c>
      <c r="R42" s="12">
        <v>0.375</v>
      </c>
      <c r="S42" s="40">
        <v>0.70833333333333337</v>
      </c>
      <c r="T42" s="11" t="s">
        <v>1010</v>
      </c>
      <c r="U42" s="19" t="s">
        <v>310</v>
      </c>
      <c r="V42" s="3">
        <v>14</v>
      </c>
      <c r="W42" s="3">
        <v>1</v>
      </c>
      <c r="X42" s="3">
        <v>1</v>
      </c>
      <c r="Y42" s="3">
        <v>1</v>
      </c>
      <c r="Z42" s="11" t="s">
        <v>931</v>
      </c>
      <c r="AA42" s="11" t="s">
        <v>308</v>
      </c>
      <c r="AB42" s="11" t="s">
        <v>1011</v>
      </c>
      <c r="AC42" s="11" t="s">
        <v>280</v>
      </c>
      <c r="AD42" s="16">
        <v>1</v>
      </c>
      <c r="AE42" s="16">
        <v>1</v>
      </c>
      <c r="AF42" s="16">
        <v>1</v>
      </c>
      <c r="AG42" s="16">
        <v>1</v>
      </c>
      <c r="AH42" s="16">
        <v>0</v>
      </c>
      <c r="AI42" s="16">
        <v>0</v>
      </c>
      <c r="AJ42" s="16">
        <v>0</v>
      </c>
      <c r="AK42" s="16">
        <v>0</v>
      </c>
      <c r="AL42" s="4">
        <v>1458</v>
      </c>
      <c r="AM42" s="13"/>
      <c r="AN42" s="54">
        <v>45065</v>
      </c>
    </row>
    <row r="43" spans="1:40" ht="100.8" customHeight="1" x14ac:dyDescent="0.2">
      <c r="A43" s="3">
        <v>140007</v>
      </c>
      <c r="B43" s="3" t="s">
        <v>76</v>
      </c>
      <c r="C43" s="27" t="s">
        <v>388</v>
      </c>
      <c r="D43" s="25" t="s">
        <v>80</v>
      </c>
      <c r="E43" s="11" t="s">
        <v>312</v>
      </c>
      <c r="F43" s="3" t="s">
        <v>619</v>
      </c>
      <c r="G43" s="5"/>
      <c r="H43" s="4">
        <v>1305</v>
      </c>
      <c r="I43" s="13" t="s">
        <v>443</v>
      </c>
      <c r="J43" s="13" t="s">
        <v>784</v>
      </c>
      <c r="K43" s="11" t="s">
        <v>785</v>
      </c>
      <c r="L43" s="16">
        <v>35.280249072908497</v>
      </c>
      <c r="M43" s="16">
        <v>139.652883290939</v>
      </c>
      <c r="N43" s="5" t="s">
        <v>786</v>
      </c>
      <c r="O43" s="57">
        <v>3000020142018</v>
      </c>
      <c r="P43" s="5" t="s">
        <v>80</v>
      </c>
      <c r="Q43" s="5" t="s">
        <v>487</v>
      </c>
      <c r="R43" s="12">
        <v>0.375</v>
      </c>
      <c r="S43" s="40">
        <v>0.70833333333333337</v>
      </c>
      <c r="T43" s="11" t="s">
        <v>1010</v>
      </c>
      <c r="U43" s="19" t="s">
        <v>310</v>
      </c>
      <c r="V43" s="3">
        <v>14</v>
      </c>
      <c r="W43" s="3">
        <v>1</v>
      </c>
      <c r="X43" s="3">
        <v>1</v>
      </c>
      <c r="Y43" s="3">
        <v>1</v>
      </c>
      <c r="Z43" s="11" t="s">
        <v>931</v>
      </c>
      <c r="AA43" s="11" t="s">
        <v>308</v>
      </c>
      <c r="AB43" s="11" t="s">
        <v>1012</v>
      </c>
      <c r="AC43" s="11" t="s">
        <v>280</v>
      </c>
      <c r="AD43" s="16">
        <v>1</v>
      </c>
      <c r="AE43" s="16">
        <v>1</v>
      </c>
      <c r="AF43" s="16">
        <v>1</v>
      </c>
      <c r="AG43" s="16">
        <v>1</v>
      </c>
      <c r="AH43" s="16">
        <v>0</v>
      </c>
      <c r="AI43" s="16">
        <v>0</v>
      </c>
      <c r="AJ43" s="16">
        <v>0</v>
      </c>
      <c r="AK43" s="16">
        <v>0</v>
      </c>
      <c r="AL43" s="4">
        <v>926</v>
      </c>
      <c r="AM43" s="13"/>
      <c r="AN43" s="54">
        <v>45065</v>
      </c>
    </row>
    <row r="44" spans="1:40" ht="100.8" customHeight="1" x14ac:dyDescent="0.2">
      <c r="A44" s="3">
        <v>140007</v>
      </c>
      <c r="B44" s="3" t="s">
        <v>76</v>
      </c>
      <c r="C44" s="27" t="s">
        <v>389</v>
      </c>
      <c r="D44" s="25" t="s">
        <v>80</v>
      </c>
      <c r="E44" s="11" t="s">
        <v>313</v>
      </c>
      <c r="F44" s="3" t="s">
        <v>620</v>
      </c>
      <c r="G44" s="5"/>
      <c r="H44" s="4">
        <v>1305</v>
      </c>
      <c r="I44" s="13" t="s">
        <v>443</v>
      </c>
      <c r="J44" s="13" t="s">
        <v>787</v>
      </c>
      <c r="K44" s="11" t="s">
        <v>621</v>
      </c>
      <c r="L44" s="16">
        <v>35.256190892419497</v>
      </c>
      <c r="M44" s="16">
        <v>139.66616159993799</v>
      </c>
      <c r="N44" s="5" t="s">
        <v>788</v>
      </c>
      <c r="O44" s="57">
        <v>3000020142018</v>
      </c>
      <c r="P44" s="5" t="s">
        <v>80</v>
      </c>
      <c r="Q44" s="5" t="s">
        <v>487</v>
      </c>
      <c r="R44" s="12">
        <v>0.375</v>
      </c>
      <c r="S44" s="40">
        <v>0.70833333333333337</v>
      </c>
      <c r="T44" s="11" t="s">
        <v>1010</v>
      </c>
      <c r="U44" s="19" t="s">
        <v>310</v>
      </c>
      <c r="V44" s="3">
        <v>14</v>
      </c>
      <c r="W44" s="3">
        <v>1</v>
      </c>
      <c r="X44" s="3">
        <v>1</v>
      </c>
      <c r="Y44" s="3">
        <v>1</v>
      </c>
      <c r="Z44" s="11" t="s">
        <v>931</v>
      </c>
      <c r="AA44" s="11" t="s">
        <v>308</v>
      </c>
      <c r="AB44" s="11" t="s">
        <v>1013</v>
      </c>
      <c r="AC44" s="11" t="s">
        <v>280</v>
      </c>
      <c r="AD44" s="16">
        <v>1</v>
      </c>
      <c r="AE44" s="16">
        <v>1</v>
      </c>
      <c r="AF44" s="16">
        <v>1</v>
      </c>
      <c r="AG44" s="16">
        <v>1</v>
      </c>
      <c r="AH44" s="16">
        <v>0</v>
      </c>
      <c r="AI44" s="16">
        <v>0</v>
      </c>
      <c r="AJ44" s="16">
        <v>0</v>
      </c>
      <c r="AK44" s="16">
        <v>0</v>
      </c>
      <c r="AL44" s="4">
        <v>2232</v>
      </c>
      <c r="AM44" s="13"/>
      <c r="AN44" s="54">
        <v>45065</v>
      </c>
    </row>
    <row r="45" spans="1:40" ht="100.8" customHeight="1" x14ac:dyDescent="0.2">
      <c r="A45" s="3">
        <v>140007</v>
      </c>
      <c r="B45" s="3" t="s">
        <v>76</v>
      </c>
      <c r="C45" s="27" t="s">
        <v>390</v>
      </c>
      <c r="D45" s="25" t="s">
        <v>80</v>
      </c>
      <c r="E45" s="11" t="s">
        <v>314</v>
      </c>
      <c r="F45" s="3" t="s">
        <v>789</v>
      </c>
      <c r="G45" s="5"/>
      <c r="H45" s="4">
        <v>1305</v>
      </c>
      <c r="I45" s="13" t="s">
        <v>443</v>
      </c>
      <c r="J45" s="13" t="s">
        <v>622</v>
      </c>
      <c r="K45" s="11" t="s">
        <v>790</v>
      </c>
      <c r="L45" s="16">
        <v>35.2602857762149</v>
      </c>
      <c r="M45" s="16">
        <v>139.69694433144701</v>
      </c>
      <c r="N45" s="5" t="s">
        <v>571</v>
      </c>
      <c r="O45" s="57">
        <v>3000020142018</v>
      </c>
      <c r="P45" s="5" t="s">
        <v>80</v>
      </c>
      <c r="Q45" s="5" t="s">
        <v>487</v>
      </c>
      <c r="R45" s="12">
        <v>0.375</v>
      </c>
      <c r="S45" s="40">
        <v>0.70833333333333337</v>
      </c>
      <c r="T45" s="11" t="s">
        <v>1010</v>
      </c>
      <c r="U45" s="19" t="s">
        <v>310</v>
      </c>
      <c r="V45" s="3">
        <v>14</v>
      </c>
      <c r="W45" s="3">
        <v>1</v>
      </c>
      <c r="X45" s="3">
        <v>1</v>
      </c>
      <c r="Y45" s="3">
        <v>1</v>
      </c>
      <c r="Z45" s="11" t="s">
        <v>931</v>
      </c>
      <c r="AA45" s="11" t="s">
        <v>308</v>
      </c>
      <c r="AB45" s="11" t="s">
        <v>1014</v>
      </c>
      <c r="AC45" s="11" t="s">
        <v>280</v>
      </c>
      <c r="AD45" s="16">
        <v>1</v>
      </c>
      <c r="AE45" s="16">
        <v>1</v>
      </c>
      <c r="AF45" s="16">
        <v>1</v>
      </c>
      <c r="AG45" s="16">
        <v>1</v>
      </c>
      <c r="AH45" s="16">
        <v>1</v>
      </c>
      <c r="AI45" s="16">
        <v>0</v>
      </c>
      <c r="AJ45" s="16">
        <v>1</v>
      </c>
      <c r="AK45" s="16">
        <v>0</v>
      </c>
      <c r="AL45" s="4">
        <v>1941</v>
      </c>
      <c r="AM45" s="13"/>
      <c r="AN45" s="54">
        <v>45065</v>
      </c>
    </row>
    <row r="46" spans="1:40" ht="100.8" customHeight="1" x14ac:dyDescent="0.2">
      <c r="A46" s="3">
        <v>140007</v>
      </c>
      <c r="B46" s="3" t="s">
        <v>76</v>
      </c>
      <c r="C46" s="27" t="s">
        <v>391</v>
      </c>
      <c r="D46" s="25" t="s">
        <v>80</v>
      </c>
      <c r="E46" s="11" t="s">
        <v>315</v>
      </c>
      <c r="F46" s="3" t="s">
        <v>791</v>
      </c>
      <c r="G46" s="5"/>
      <c r="H46" s="4">
        <v>1305</v>
      </c>
      <c r="I46" s="13" t="s">
        <v>443</v>
      </c>
      <c r="J46" s="13" t="s">
        <v>792</v>
      </c>
      <c r="K46" s="11" t="s">
        <v>793</v>
      </c>
      <c r="L46" s="16">
        <v>35.247496893194203</v>
      </c>
      <c r="M46" s="16">
        <v>139.713963464306</v>
      </c>
      <c r="N46" s="5" t="s">
        <v>623</v>
      </c>
      <c r="O46" s="57">
        <v>3000020142018</v>
      </c>
      <c r="P46" s="5" t="s">
        <v>80</v>
      </c>
      <c r="Q46" s="5" t="s">
        <v>487</v>
      </c>
      <c r="R46" s="12">
        <v>0.375</v>
      </c>
      <c r="S46" s="40">
        <v>0.70833333333333337</v>
      </c>
      <c r="T46" s="11" t="s">
        <v>1010</v>
      </c>
      <c r="U46" s="19" t="s">
        <v>310</v>
      </c>
      <c r="V46" s="3">
        <v>14</v>
      </c>
      <c r="W46" s="3">
        <v>1</v>
      </c>
      <c r="X46" s="3">
        <v>1</v>
      </c>
      <c r="Y46" s="3">
        <v>1</v>
      </c>
      <c r="Z46" s="11" t="s">
        <v>931</v>
      </c>
      <c r="AA46" s="11" t="s">
        <v>308</v>
      </c>
      <c r="AB46" s="11" t="s">
        <v>1015</v>
      </c>
      <c r="AC46" s="11" t="s">
        <v>280</v>
      </c>
      <c r="AD46" s="16">
        <v>1</v>
      </c>
      <c r="AE46" s="16">
        <v>1</v>
      </c>
      <c r="AF46" s="16">
        <v>1</v>
      </c>
      <c r="AG46" s="16">
        <v>1</v>
      </c>
      <c r="AH46" s="16">
        <v>0</v>
      </c>
      <c r="AI46" s="16">
        <v>0</v>
      </c>
      <c r="AJ46" s="16">
        <v>0</v>
      </c>
      <c r="AK46" s="16">
        <v>0</v>
      </c>
      <c r="AL46" s="4">
        <v>1186</v>
      </c>
      <c r="AM46" s="13"/>
      <c r="AN46" s="54">
        <v>45065</v>
      </c>
    </row>
    <row r="47" spans="1:40" ht="100.8" customHeight="1" x14ac:dyDescent="0.2">
      <c r="A47" s="3">
        <v>140007</v>
      </c>
      <c r="B47" s="3" t="s">
        <v>76</v>
      </c>
      <c r="C47" s="27" t="s">
        <v>392</v>
      </c>
      <c r="D47" s="25" t="s">
        <v>80</v>
      </c>
      <c r="E47" s="11" t="s">
        <v>316</v>
      </c>
      <c r="F47" s="3" t="s">
        <v>794</v>
      </c>
      <c r="G47" s="5"/>
      <c r="H47" s="4">
        <v>1305</v>
      </c>
      <c r="I47" s="13" t="s">
        <v>443</v>
      </c>
      <c r="J47" s="13" t="s">
        <v>795</v>
      </c>
      <c r="K47" s="11" t="s">
        <v>796</v>
      </c>
      <c r="L47" s="16">
        <v>35.204995701729899</v>
      </c>
      <c r="M47" s="16">
        <v>139.679344979532</v>
      </c>
      <c r="N47" s="5" t="s">
        <v>797</v>
      </c>
      <c r="O47" s="57">
        <v>3000020142018</v>
      </c>
      <c r="P47" s="5" t="s">
        <v>80</v>
      </c>
      <c r="Q47" s="5" t="s">
        <v>487</v>
      </c>
      <c r="R47" s="12">
        <v>0.375</v>
      </c>
      <c r="S47" s="40">
        <v>0.70833333333333337</v>
      </c>
      <c r="T47" s="11" t="s">
        <v>1010</v>
      </c>
      <c r="U47" s="19" t="s">
        <v>310</v>
      </c>
      <c r="V47" s="3">
        <v>14</v>
      </c>
      <c r="W47" s="3">
        <v>1</v>
      </c>
      <c r="X47" s="3">
        <v>1</v>
      </c>
      <c r="Y47" s="3">
        <v>1</v>
      </c>
      <c r="Z47" s="11" t="s">
        <v>931</v>
      </c>
      <c r="AA47" s="11" t="s">
        <v>308</v>
      </c>
      <c r="AB47" s="11" t="s">
        <v>1016</v>
      </c>
      <c r="AC47" s="11" t="s">
        <v>280</v>
      </c>
      <c r="AD47" s="16">
        <v>1</v>
      </c>
      <c r="AE47" s="16">
        <v>1</v>
      </c>
      <c r="AF47" s="16">
        <v>1</v>
      </c>
      <c r="AG47" s="16">
        <v>1</v>
      </c>
      <c r="AH47" s="16">
        <v>1</v>
      </c>
      <c r="AI47" s="16">
        <v>0</v>
      </c>
      <c r="AJ47" s="16">
        <v>0</v>
      </c>
      <c r="AK47" s="16">
        <v>0</v>
      </c>
      <c r="AL47" s="4">
        <v>1509</v>
      </c>
      <c r="AM47" s="18" t="s">
        <v>932</v>
      </c>
      <c r="AN47" s="54">
        <v>45065</v>
      </c>
    </row>
    <row r="48" spans="1:40" ht="100.8" customHeight="1" x14ac:dyDescent="0.2">
      <c r="A48" s="3">
        <v>140007</v>
      </c>
      <c r="B48" s="3" t="s">
        <v>76</v>
      </c>
      <c r="C48" s="27" t="s">
        <v>393</v>
      </c>
      <c r="D48" s="25" t="s">
        <v>80</v>
      </c>
      <c r="E48" s="11" t="s">
        <v>317</v>
      </c>
      <c r="F48" s="3" t="s">
        <v>798</v>
      </c>
      <c r="G48" s="5"/>
      <c r="H48" s="4">
        <v>1305</v>
      </c>
      <c r="I48" s="13" t="s">
        <v>443</v>
      </c>
      <c r="J48" s="13" t="s">
        <v>799</v>
      </c>
      <c r="K48" s="11" t="s">
        <v>800</v>
      </c>
      <c r="L48" s="16">
        <v>35.221473893616498</v>
      </c>
      <c r="M48" s="16">
        <v>139.625920880357</v>
      </c>
      <c r="N48" s="5" t="s">
        <v>801</v>
      </c>
      <c r="O48" s="57">
        <v>3000020142018</v>
      </c>
      <c r="P48" s="5" t="s">
        <v>80</v>
      </c>
      <c r="Q48" s="5" t="s">
        <v>487</v>
      </c>
      <c r="R48" s="12">
        <v>0.375</v>
      </c>
      <c r="S48" s="40">
        <v>0.70833333333333337</v>
      </c>
      <c r="T48" s="11" t="s">
        <v>1010</v>
      </c>
      <c r="U48" s="19" t="s">
        <v>310</v>
      </c>
      <c r="V48" s="3">
        <v>14</v>
      </c>
      <c r="W48" s="3">
        <v>1</v>
      </c>
      <c r="X48" s="3">
        <v>1</v>
      </c>
      <c r="Y48" s="3">
        <v>1</v>
      </c>
      <c r="Z48" s="11" t="s">
        <v>931</v>
      </c>
      <c r="AA48" s="11" t="s">
        <v>308</v>
      </c>
      <c r="AB48" s="11" t="s">
        <v>1017</v>
      </c>
      <c r="AC48" s="11" t="s">
        <v>280</v>
      </c>
      <c r="AD48" s="16">
        <v>1</v>
      </c>
      <c r="AE48" s="16">
        <v>1</v>
      </c>
      <c r="AF48" s="16">
        <v>1</v>
      </c>
      <c r="AG48" s="16">
        <v>1</v>
      </c>
      <c r="AH48" s="16">
        <v>1</v>
      </c>
      <c r="AI48" s="16">
        <v>0</v>
      </c>
      <c r="AJ48" s="16">
        <v>0</v>
      </c>
      <c r="AK48" s="16">
        <v>0</v>
      </c>
      <c r="AL48" s="4">
        <v>2960</v>
      </c>
      <c r="AM48" s="13"/>
      <c r="AN48" s="54">
        <v>45065</v>
      </c>
    </row>
    <row r="49" spans="1:40" ht="100.8" customHeight="1" x14ac:dyDescent="0.2">
      <c r="A49" s="3">
        <v>140007</v>
      </c>
      <c r="B49" s="3" t="s">
        <v>76</v>
      </c>
      <c r="C49" s="27" t="s">
        <v>394</v>
      </c>
      <c r="D49" s="25" t="s">
        <v>80</v>
      </c>
      <c r="E49" s="11" t="s">
        <v>318</v>
      </c>
      <c r="F49" s="3" t="s">
        <v>802</v>
      </c>
      <c r="G49" s="5"/>
      <c r="H49" s="4">
        <v>1305</v>
      </c>
      <c r="I49" s="13" t="s">
        <v>443</v>
      </c>
      <c r="J49" s="13" t="s">
        <v>803</v>
      </c>
      <c r="K49" s="11" t="s">
        <v>804</v>
      </c>
      <c r="L49" s="16">
        <v>35.225591150443698</v>
      </c>
      <c r="M49" s="16">
        <v>139.64746992497101</v>
      </c>
      <c r="N49" s="5" t="s">
        <v>805</v>
      </c>
      <c r="O49" s="57">
        <v>3000020142018</v>
      </c>
      <c r="P49" s="5" t="s">
        <v>80</v>
      </c>
      <c r="Q49" s="5" t="s">
        <v>487</v>
      </c>
      <c r="R49" s="12">
        <v>0.375</v>
      </c>
      <c r="S49" s="40">
        <v>0.70833333333333337</v>
      </c>
      <c r="T49" s="11" t="s">
        <v>1010</v>
      </c>
      <c r="U49" s="19" t="s">
        <v>310</v>
      </c>
      <c r="V49" s="3">
        <v>14</v>
      </c>
      <c r="W49" s="3">
        <v>1</v>
      </c>
      <c r="X49" s="3">
        <v>1</v>
      </c>
      <c r="Y49" s="3">
        <v>1</v>
      </c>
      <c r="Z49" s="11" t="s">
        <v>931</v>
      </c>
      <c r="AA49" s="11" t="s">
        <v>308</v>
      </c>
      <c r="AB49" s="11" t="s">
        <v>1018</v>
      </c>
      <c r="AC49" s="11" t="s">
        <v>280</v>
      </c>
      <c r="AD49" s="16">
        <v>1</v>
      </c>
      <c r="AE49" s="16">
        <v>1</v>
      </c>
      <c r="AF49" s="16">
        <v>1</v>
      </c>
      <c r="AG49" s="16">
        <v>1</v>
      </c>
      <c r="AH49" s="16">
        <v>0</v>
      </c>
      <c r="AI49" s="16">
        <v>0</v>
      </c>
      <c r="AJ49" s="16">
        <v>0</v>
      </c>
      <c r="AK49" s="16">
        <v>0</v>
      </c>
      <c r="AL49" s="4">
        <v>838</v>
      </c>
      <c r="AM49" s="13"/>
      <c r="AN49" s="54">
        <v>45065</v>
      </c>
    </row>
    <row r="50" spans="1:40" ht="100.8" customHeight="1" x14ac:dyDescent="0.2">
      <c r="A50" s="3">
        <v>140007</v>
      </c>
      <c r="B50" s="3" t="s">
        <v>76</v>
      </c>
      <c r="C50" s="27" t="s">
        <v>395</v>
      </c>
      <c r="D50" s="25" t="s">
        <v>80</v>
      </c>
      <c r="E50" s="11" t="s">
        <v>319</v>
      </c>
      <c r="F50" s="3" t="s">
        <v>806</v>
      </c>
      <c r="G50" s="5"/>
      <c r="H50" s="4">
        <v>1305</v>
      </c>
      <c r="I50" s="13" t="s">
        <v>443</v>
      </c>
      <c r="J50" s="13" t="s">
        <v>624</v>
      </c>
      <c r="K50" s="11" t="s">
        <v>807</v>
      </c>
      <c r="L50" s="16">
        <v>35.204224275092102</v>
      </c>
      <c r="M50" s="16">
        <v>139.61156263120401</v>
      </c>
      <c r="N50" s="5" t="s">
        <v>808</v>
      </c>
      <c r="O50" s="57">
        <v>3000020142018</v>
      </c>
      <c r="P50" s="5" t="s">
        <v>80</v>
      </c>
      <c r="Q50" s="5" t="s">
        <v>487</v>
      </c>
      <c r="R50" s="12">
        <v>0.375</v>
      </c>
      <c r="S50" s="40">
        <v>0.70833333333333337</v>
      </c>
      <c r="T50" s="11" t="s">
        <v>1010</v>
      </c>
      <c r="U50" s="19" t="s">
        <v>310</v>
      </c>
      <c r="V50" s="3">
        <v>14</v>
      </c>
      <c r="W50" s="3">
        <v>1</v>
      </c>
      <c r="X50" s="3">
        <v>1</v>
      </c>
      <c r="Y50" s="3">
        <v>1</v>
      </c>
      <c r="Z50" s="11" t="s">
        <v>931</v>
      </c>
      <c r="AA50" s="11" t="s">
        <v>308</v>
      </c>
      <c r="AB50" s="11" t="s">
        <v>1019</v>
      </c>
      <c r="AC50" s="11" t="s">
        <v>280</v>
      </c>
      <c r="AD50" s="16">
        <v>1</v>
      </c>
      <c r="AE50" s="16">
        <v>1</v>
      </c>
      <c r="AF50" s="16">
        <v>1</v>
      </c>
      <c r="AG50" s="16">
        <v>1</v>
      </c>
      <c r="AH50" s="16">
        <v>0</v>
      </c>
      <c r="AI50" s="16">
        <v>0</v>
      </c>
      <c r="AJ50" s="16">
        <v>0</v>
      </c>
      <c r="AK50" s="16">
        <v>0</v>
      </c>
      <c r="AL50" s="4">
        <v>500</v>
      </c>
      <c r="AM50" s="13"/>
      <c r="AN50" s="54">
        <v>45065</v>
      </c>
    </row>
    <row r="51" spans="1:40" ht="86.4" x14ac:dyDescent="0.2">
      <c r="A51" s="3">
        <v>140007</v>
      </c>
      <c r="B51" s="3" t="s">
        <v>76</v>
      </c>
      <c r="C51" s="27" t="s">
        <v>396</v>
      </c>
      <c r="D51" s="25" t="s">
        <v>81</v>
      </c>
      <c r="E51" s="11" t="s">
        <v>42</v>
      </c>
      <c r="F51" s="3" t="s">
        <v>320</v>
      </c>
      <c r="G51" s="5"/>
      <c r="H51" s="4">
        <v>1512</v>
      </c>
      <c r="I51" s="13" t="s">
        <v>74</v>
      </c>
      <c r="J51" s="13" t="s">
        <v>229</v>
      </c>
      <c r="K51" s="11" t="s">
        <v>142</v>
      </c>
      <c r="L51" s="16">
        <v>35.336962909999997</v>
      </c>
      <c r="M51" s="16">
        <v>139.34959760000001</v>
      </c>
      <c r="N51" s="5" t="s">
        <v>696</v>
      </c>
      <c r="O51" s="59" t="s">
        <v>491</v>
      </c>
      <c r="P51" s="5" t="s">
        <v>81</v>
      </c>
      <c r="Q51" s="5" t="s">
        <v>486</v>
      </c>
      <c r="R51" s="12">
        <v>0.375</v>
      </c>
      <c r="S51" s="40">
        <v>0.79166666666666663</v>
      </c>
      <c r="T51" s="11" t="s">
        <v>1020</v>
      </c>
      <c r="U51" s="19" t="s">
        <v>572</v>
      </c>
      <c r="V51" s="5">
        <v>14</v>
      </c>
      <c r="W51" s="5">
        <v>1</v>
      </c>
      <c r="X51" s="5">
        <v>1</v>
      </c>
      <c r="Y51" s="5">
        <v>1</v>
      </c>
      <c r="Z51" s="11" t="s">
        <v>573</v>
      </c>
      <c r="AA51" s="11" t="s">
        <v>327</v>
      </c>
      <c r="AB51" s="11" t="s">
        <v>1021</v>
      </c>
      <c r="AC51" s="11" t="s">
        <v>1022</v>
      </c>
      <c r="AD51" s="4">
        <v>1</v>
      </c>
      <c r="AE51" s="16">
        <v>1</v>
      </c>
      <c r="AF51" s="16">
        <v>1</v>
      </c>
      <c r="AG51" s="16">
        <v>1</v>
      </c>
      <c r="AH51" s="16">
        <v>1</v>
      </c>
      <c r="AI51" s="16">
        <v>1</v>
      </c>
      <c r="AJ51" s="16">
        <v>1</v>
      </c>
      <c r="AK51" s="16">
        <v>1</v>
      </c>
      <c r="AL51" s="4">
        <v>21479</v>
      </c>
      <c r="AM51" s="11" t="s">
        <v>1023</v>
      </c>
      <c r="AN51" s="54">
        <v>45065</v>
      </c>
    </row>
    <row r="52" spans="1:40" ht="52.2" customHeight="1" x14ac:dyDescent="0.2">
      <c r="A52" s="3">
        <v>140007</v>
      </c>
      <c r="B52" s="3" t="s">
        <v>76</v>
      </c>
      <c r="C52" s="27" t="s">
        <v>397</v>
      </c>
      <c r="D52" s="25" t="s">
        <v>81</v>
      </c>
      <c r="E52" s="11" t="s">
        <v>43</v>
      </c>
      <c r="F52" s="3" t="s">
        <v>321</v>
      </c>
      <c r="G52" s="5"/>
      <c r="H52" s="4">
        <v>1512</v>
      </c>
      <c r="I52" s="13" t="s">
        <v>74</v>
      </c>
      <c r="J52" s="13" t="s">
        <v>230</v>
      </c>
      <c r="K52" s="11" t="s">
        <v>143</v>
      </c>
      <c r="L52" s="16">
        <v>35.37377352</v>
      </c>
      <c r="M52" s="16">
        <v>139.35878750000001</v>
      </c>
      <c r="N52" s="5" t="s">
        <v>324</v>
      </c>
      <c r="O52" s="59" t="s">
        <v>491</v>
      </c>
      <c r="P52" s="5" t="s">
        <v>81</v>
      </c>
      <c r="Q52" s="5" t="s">
        <v>486</v>
      </c>
      <c r="R52" s="12">
        <v>0.375</v>
      </c>
      <c r="S52" s="40">
        <v>0.75</v>
      </c>
      <c r="T52" s="11" t="s">
        <v>933</v>
      </c>
      <c r="U52" s="19"/>
      <c r="V52" s="5">
        <v>14</v>
      </c>
      <c r="W52" s="5">
        <v>1</v>
      </c>
      <c r="X52" s="5">
        <v>1</v>
      </c>
      <c r="Y52" s="5">
        <v>1</v>
      </c>
      <c r="Z52" s="11" t="s">
        <v>573</v>
      </c>
      <c r="AA52" s="11" t="s">
        <v>327</v>
      </c>
      <c r="AB52" s="11" t="s">
        <v>1024</v>
      </c>
      <c r="AC52" s="11" t="s">
        <v>328</v>
      </c>
      <c r="AD52" s="16">
        <v>1</v>
      </c>
      <c r="AE52" s="16">
        <v>0</v>
      </c>
      <c r="AF52" s="16">
        <v>1</v>
      </c>
      <c r="AG52" s="16">
        <v>1</v>
      </c>
      <c r="AH52" s="16">
        <v>1</v>
      </c>
      <c r="AI52" s="16">
        <v>0</v>
      </c>
      <c r="AJ52" s="16">
        <v>1</v>
      </c>
      <c r="AK52" s="16">
        <v>1</v>
      </c>
      <c r="AL52" s="4">
        <v>13364</v>
      </c>
      <c r="AM52" s="11" t="s">
        <v>1025</v>
      </c>
      <c r="AN52" s="54">
        <v>45065</v>
      </c>
    </row>
    <row r="53" spans="1:40" ht="52.2" customHeight="1" x14ac:dyDescent="0.2">
      <c r="A53" s="3">
        <v>140007</v>
      </c>
      <c r="B53" s="3" t="s">
        <v>76</v>
      </c>
      <c r="C53" s="27" t="s">
        <v>398</v>
      </c>
      <c r="D53" s="25" t="s">
        <v>81</v>
      </c>
      <c r="E53" s="11" t="s">
        <v>44</v>
      </c>
      <c r="F53" s="3" t="s">
        <v>322</v>
      </c>
      <c r="G53" s="5"/>
      <c r="H53" s="4">
        <v>1512</v>
      </c>
      <c r="I53" s="13" t="s">
        <v>74</v>
      </c>
      <c r="J53" s="13" t="s">
        <v>231</v>
      </c>
      <c r="K53" s="11" t="s">
        <v>1104</v>
      </c>
      <c r="L53" s="16">
        <v>35.331506439999998</v>
      </c>
      <c r="M53" s="16">
        <v>139.31475169999999</v>
      </c>
      <c r="N53" s="5" t="s">
        <v>325</v>
      </c>
      <c r="O53" s="59" t="s">
        <v>491</v>
      </c>
      <c r="P53" s="5" t="s">
        <v>81</v>
      </c>
      <c r="Q53" s="5" t="s">
        <v>486</v>
      </c>
      <c r="R53" s="12">
        <v>0.375</v>
      </c>
      <c r="S53" s="40">
        <v>0.75</v>
      </c>
      <c r="T53" s="11" t="s">
        <v>933</v>
      </c>
      <c r="U53" s="19"/>
      <c r="V53" s="5">
        <v>14</v>
      </c>
      <c r="W53" s="5">
        <v>1</v>
      </c>
      <c r="X53" s="5">
        <v>1</v>
      </c>
      <c r="Y53" s="5">
        <v>1</v>
      </c>
      <c r="Z53" s="11" t="s">
        <v>573</v>
      </c>
      <c r="AA53" s="11" t="s">
        <v>327</v>
      </c>
      <c r="AB53" s="11" t="s">
        <v>1026</v>
      </c>
      <c r="AC53" s="11" t="s">
        <v>328</v>
      </c>
      <c r="AD53" s="4">
        <v>1</v>
      </c>
      <c r="AE53" s="16">
        <v>0</v>
      </c>
      <c r="AF53" s="16">
        <v>1</v>
      </c>
      <c r="AG53" s="16">
        <v>1</v>
      </c>
      <c r="AH53" s="16">
        <v>1</v>
      </c>
      <c r="AI53" s="16">
        <v>0</v>
      </c>
      <c r="AJ53" s="16">
        <v>1</v>
      </c>
      <c r="AK53" s="16">
        <v>1</v>
      </c>
      <c r="AL53" s="4">
        <v>17551</v>
      </c>
      <c r="AM53" s="11" t="s">
        <v>1027</v>
      </c>
      <c r="AN53" s="54">
        <v>45065</v>
      </c>
    </row>
    <row r="54" spans="1:40" ht="52.2" customHeight="1" x14ac:dyDescent="0.2">
      <c r="A54" s="3">
        <v>140007</v>
      </c>
      <c r="B54" s="3" t="s">
        <v>76</v>
      </c>
      <c r="C54" s="27" t="s">
        <v>399</v>
      </c>
      <c r="D54" s="25" t="s">
        <v>81</v>
      </c>
      <c r="E54" s="11" t="s">
        <v>45</v>
      </c>
      <c r="F54" s="3" t="s">
        <v>323</v>
      </c>
      <c r="G54" s="5"/>
      <c r="H54" s="4">
        <v>1512</v>
      </c>
      <c r="I54" s="13" t="s">
        <v>74</v>
      </c>
      <c r="J54" s="13" t="s">
        <v>232</v>
      </c>
      <c r="K54" s="11" t="s">
        <v>144</v>
      </c>
      <c r="L54" s="16">
        <v>35.316909670000001</v>
      </c>
      <c r="M54" s="16">
        <v>139.34886539999999</v>
      </c>
      <c r="N54" s="5" t="s">
        <v>326</v>
      </c>
      <c r="O54" s="59" t="s">
        <v>491</v>
      </c>
      <c r="P54" s="5" t="s">
        <v>81</v>
      </c>
      <c r="Q54" s="5" t="s">
        <v>486</v>
      </c>
      <c r="R54" s="12">
        <v>0.375</v>
      </c>
      <c r="S54" s="40">
        <v>0.75</v>
      </c>
      <c r="T54" s="11" t="s">
        <v>934</v>
      </c>
      <c r="U54" s="19"/>
      <c r="V54" s="5">
        <v>14</v>
      </c>
      <c r="W54" s="5">
        <v>1</v>
      </c>
      <c r="X54" s="5">
        <v>1</v>
      </c>
      <c r="Y54" s="5">
        <v>1</v>
      </c>
      <c r="Z54" s="11" t="s">
        <v>573</v>
      </c>
      <c r="AA54" s="11" t="s">
        <v>327</v>
      </c>
      <c r="AB54" s="11" t="s">
        <v>1028</v>
      </c>
      <c r="AC54" s="11" t="s">
        <v>328</v>
      </c>
      <c r="AD54" s="16">
        <v>1</v>
      </c>
      <c r="AE54" s="16">
        <v>0</v>
      </c>
      <c r="AF54" s="16">
        <v>1</v>
      </c>
      <c r="AG54" s="16">
        <v>1</v>
      </c>
      <c r="AH54" s="16">
        <v>1</v>
      </c>
      <c r="AI54" s="16">
        <v>0</v>
      </c>
      <c r="AJ54" s="16">
        <v>1</v>
      </c>
      <c r="AK54" s="16">
        <v>1</v>
      </c>
      <c r="AL54" s="4">
        <v>18926</v>
      </c>
      <c r="AM54" s="11" t="s">
        <v>1029</v>
      </c>
      <c r="AN54" s="54">
        <v>45065</v>
      </c>
    </row>
    <row r="55" spans="1:40" ht="67.2" customHeight="1" x14ac:dyDescent="0.2">
      <c r="A55" s="3">
        <v>140007</v>
      </c>
      <c r="B55" s="3" t="s">
        <v>574</v>
      </c>
      <c r="C55" s="24" t="s">
        <v>348</v>
      </c>
      <c r="D55" s="25" t="s">
        <v>575</v>
      </c>
      <c r="E55" s="11" t="s">
        <v>46</v>
      </c>
      <c r="F55" s="3" t="s">
        <v>576</v>
      </c>
      <c r="G55" s="5"/>
      <c r="H55" s="4">
        <v>1512</v>
      </c>
      <c r="I55" s="13" t="s">
        <v>577</v>
      </c>
      <c r="J55" s="13" t="s">
        <v>233</v>
      </c>
      <c r="K55" s="11" t="s">
        <v>145</v>
      </c>
      <c r="L55" s="16"/>
      <c r="M55" s="16"/>
      <c r="N55" s="5" t="s">
        <v>578</v>
      </c>
      <c r="O55" s="57">
        <v>3000020142042</v>
      </c>
      <c r="P55" s="5" t="s">
        <v>575</v>
      </c>
      <c r="Q55" s="5" t="s">
        <v>625</v>
      </c>
      <c r="R55" s="12">
        <v>0.39583333333333331</v>
      </c>
      <c r="S55" s="40">
        <v>0.75</v>
      </c>
      <c r="T55" s="11" t="s">
        <v>1030</v>
      </c>
      <c r="U55" s="19" t="s">
        <v>579</v>
      </c>
      <c r="V55" s="5">
        <v>14</v>
      </c>
      <c r="W55" s="5">
        <v>1</v>
      </c>
      <c r="X55" s="5">
        <v>1</v>
      </c>
      <c r="Y55" s="5">
        <v>1</v>
      </c>
      <c r="Z55" s="11" t="s">
        <v>580</v>
      </c>
      <c r="AA55" s="11" t="s">
        <v>327</v>
      </c>
      <c r="AB55" s="11" t="s">
        <v>1031</v>
      </c>
      <c r="AC55" s="11" t="s">
        <v>328</v>
      </c>
      <c r="AD55" s="16">
        <v>1</v>
      </c>
      <c r="AE55" s="16">
        <v>1</v>
      </c>
      <c r="AF55" s="16">
        <v>1</v>
      </c>
      <c r="AG55" s="16">
        <v>1</v>
      </c>
      <c r="AH55" s="16">
        <v>1</v>
      </c>
      <c r="AI55" s="16">
        <v>0</v>
      </c>
      <c r="AJ55" s="16">
        <v>1</v>
      </c>
      <c r="AK55" s="16">
        <v>1</v>
      </c>
      <c r="AL55" s="49">
        <v>7905</v>
      </c>
      <c r="AM55" s="13" t="s">
        <v>581</v>
      </c>
      <c r="AN55" s="54">
        <v>45065</v>
      </c>
    </row>
    <row r="56" spans="1:40" ht="67.2" customHeight="1" x14ac:dyDescent="0.2">
      <c r="A56" s="3">
        <v>140007</v>
      </c>
      <c r="B56" s="3" t="s">
        <v>574</v>
      </c>
      <c r="C56" s="24" t="s">
        <v>400</v>
      </c>
      <c r="D56" s="25" t="s">
        <v>575</v>
      </c>
      <c r="E56" s="11" t="s">
        <v>47</v>
      </c>
      <c r="F56" s="3" t="s">
        <v>582</v>
      </c>
      <c r="G56" s="5"/>
      <c r="H56" s="4">
        <v>1512</v>
      </c>
      <c r="I56" s="13" t="s">
        <v>577</v>
      </c>
      <c r="J56" s="13" t="s">
        <v>234</v>
      </c>
      <c r="K56" s="11" t="s">
        <v>146</v>
      </c>
      <c r="L56" s="16"/>
      <c r="M56" s="16"/>
      <c r="N56" s="5" t="s">
        <v>583</v>
      </c>
      <c r="O56" s="57">
        <v>3000020142042</v>
      </c>
      <c r="P56" s="5" t="s">
        <v>575</v>
      </c>
      <c r="Q56" s="5" t="s">
        <v>625</v>
      </c>
      <c r="R56" s="12">
        <v>0.36458333333333331</v>
      </c>
      <c r="S56" s="40">
        <v>0.71875</v>
      </c>
      <c r="T56" s="11" t="s">
        <v>1032</v>
      </c>
      <c r="U56" s="19" t="s">
        <v>579</v>
      </c>
      <c r="V56" s="5">
        <v>14</v>
      </c>
      <c r="W56" s="5">
        <v>1</v>
      </c>
      <c r="X56" s="5">
        <v>1</v>
      </c>
      <c r="Y56" s="5">
        <v>1</v>
      </c>
      <c r="Z56" s="11" t="s">
        <v>580</v>
      </c>
      <c r="AA56" s="11" t="s">
        <v>327</v>
      </c>
      <c r="AB56" s="11" t="s">
        <v>1033</v>
      </c>
      <c r="AC56" s="11" t="s">
        <v>328</v>
      </c>
      <c r="AD56" s="16">
        <v>1</v>
      </c>
      <c r="AE56" s="16">
        <v>1</v>
      </c>
      <c r="AF56" s="16">
        <v>0</v>
      </c>
      <c r="AG56" s="16">
        <v>0</v>
      </c>
      <c r="AH56" s="16">
        <v>0</v>
      </c>
      <c r="AI56" s="16">
        <v>0</v>
      </c>
      <c r="AJ56" s="16">
        <v>1</v>
      </c>
      <c r="AK56" s="16">
        <v>1</v>
      </c>
      <c r="AL56" s="49">
        <v>7548</v>
      </c>
      <c r="AM56" s="13"/>
      <c r="AN56" s="54">
        <v>45065</v>
      </c>
    </row>
    <row r="57" spans="1:40" ht="67.2" customHeight="1" x14ac:dyDescent="0.2">
      <c r="A57" s="3">
        <v>140007</v>
      </c>
      <c r="B57" s="3" t="s">
        <v>574</v>
      </c>
      <c r="C57" s="24" t="s">
        <v>401</v>
      </c>
      <c r="D57" s="25" t="s">
        <v>575</v>
      </c>
      <c r="E57" s="11" t="s">
        <v>48</v>
      </c>
      <c r="F57" s="3" t="s">
        <v>584</v>
      </c>
      <c r="G57" s="5"/>
      <c r="H57" s="4">
        <v>1512</v>
      </c>
      <c r="I57" s="13" t="s">
        <v>577</v>
      </c>
      <c r="J57" s="13" t="s">
        <v>235</v>
      </c>
      <c r="K57" s="11" t="s">
        <v>147</v>
      </c>
      <c r="L57" s="16"/>
      <c r="M57" s="16"/>
      <c r="N57" s="5" t="s">
        <v>585</v>
      </c>
      <c r="O57" s="57">
        <v>3000020142042</v>
      </c>
      <c r="P57" s="5" t="s">
        <v>575</v>
      </c>
      <c r="Q57" s="5" t="s">
        <v>625</v>
      </c>
      <c r="R57" s="12">
        <v>0.36458333333333331</v>
      </c>
      <c r="S57" s="40">
        <v>0.71875</v>
      </c>
      <c r="T57" s="11" t="s">
        <v>1032</v>
      </c>
      <c r="U57" s="19" t="s">
        <v>579</v>
      </c>
      <c r="V57" s="5">
        <v>14</v>
      </c>
      <c r="W57" s="5">
        <v>1</v>
      </c>
      <c r="X57" s="5">
        <v>1</v>
      </c>
      <c r="Y57" s="5">
        <v>1</v>
      </c>
      <c r="Z57" s="11" t="s">
        <v>580</v>
      </c>
      <c r="AA57" s="11" t="s">
        <v>327</v>
      </c>
      <c r="AB57" s="11" t="s">
        <v>1034</v>
      </c>
      <c r="AC57" s="11" t="s">
        <v>328</v>
      </c>
      <c r="AD57" s="16">
        <v>1</v>
      </c>
      <c r="AE57" s="16">
        <v>1</v>
      </c>
      <c r="AF57" s="16">
        <v>0</v>
      </c>
      <c r="AG57" s="16">
        <v>0</v>
      </c>
      <c r="AH57" s="16">
        <v>0</v>
      </c>
      <c r="AI57" s="16">
        <v>0</v>
      </c>
      <c r="AJ57" s="16">
        <v>1</v>
      </c>
      <c r="AK57" s="16">
        <v>1</v>
      </c>
      <c r="AL57" s="49">
        <f>10184+3671</f>
        <v>13855</v>
      </c>
      <c r="AM57" s="13"/>
      <c r="AN57" s="54">
        <v>45065</v>
      </c>
    </row>
    <row r="58" spans="1:40" ht="67.2" customHeight="1" x14ac:dyDescent="0.2">
      <c r="A58" s="3">
        <v>140007</v>
      </c>
      <c r="B58" s="3" t="s">
        <v>574</v>
      </c>
      <c r="C58" s="24" t="s">
        <v>402</v>
      </c>
      <c r="D58" s="25" t="s">
        <v>575</v>
      </c>
      <c r="E58" s="11" t="s">
        <v>49</v>
      </c>
      <c r="F58" s="3" t="s">
        <v>586</v>
      </c>
      <c r="G58" s="5"/>
      <c r="H58" s="4">
        <v>1512</v>
      </c>
      <c r="I58" s="13" t="s">
        <v>577</v>
      </c>
      <c r="J58" s="13" t="s">
        <v>236</v>
      </c>
      <c r="K58" s="11" t="s">
        <v>148</v>
      </c>
      <c r="L58" s="16"/>
      <c r="M58" s="16"/>
      <c r="N58" s="5" t="s">
        <v>587</v>
      </c>
      <c r="O58" s="57">
        <v>3000020142042</v>
      </c>
      <c r="P58" s="5" t="s">
        <v>575</v>
      </c>
      <c r="Q58" s="5" t="s">
        <v>625</v>
      </c>
      <c r="R58" s="12">
        <v>0.36458333333333331</v>
      </c>
      <c r="S58" s="40">
        <v>0.71875</v>
      </c>
      <c r="T58" s="11" t="s">
        <v>1032</v>
      </c>
      <c r="U58" s="19" t="s">
        <v>579</v>
      </c>
      <c r="V58" s="5">
        <v>14</v>
      </c>
      <c r="W58" s="5">
        <v>1</v>
      </c>
      <c r="X58" s="5">
        <v>1</v>
      </c>
      <c r="Y58" s="5">
        <v>1</v>
      </c>
      <c r="Z58" s="11" t="s">
        <v>580</v>
      </c>
      <c r="AA58" s="11" t="s">
        <v>327</v>
      </c>
      <c r="AB58" s="11" t="s">
        <v>1035</v>
      </c>
      <c r="AC58" s="11" t="s">
        <v>328</v>
      </c>
      <c r="AD58" s="16">
        <v>1</v>
      </c>
      <c r="AE58" s="16">
        <v>1</v>
      </c>
      <c r="AF58" s="16">
        <v>0</v>
      </c>
      <c r="AG58" s="16">
        <v>0</v>
      </c>
      <c r="AH58" s="16">
        <v>0</v>
      </c>
      <c r="AI58" s="16">
        <v>0</v>
      </c>
      <c r="AJ58" s="16">
        <v>1</v>
      </c>
      <c r="AK58" s="16">
        <v>1</v>
      </c>
      <c r="AL58" s="49">
        <v>6245</v>
      </c>
      <c r="AM58" s="13"/>
      <c r="AN58" s="54">
        <v>45065</v>
      </c>
    </row>
    <row r="59" spans="1:40" ht="43.2" x14ac:dyDescent="0.2">
      <c r="A59" s="3">
        <v>140007</v>
      </c>
      <c r="B59" s="3" t="s">
        <v>574</v>
      </c>
      <c r="C59" s="24" t="s">
        <v>403</v>
      </c>
      <c r="D59" s="25" t="s">
        <v>575</v>
      </c>
      <c r="E59" s="11" t="s">
        <v>50</v>
      </c>
      <c r="F59" s="3" t="s">
        <v>588</v>
      </c>
      <c r="G59" s="5"/>
      <c r="H59" s="4">
        <v>1512</v>
      </c>
      <c r="I59" s="13" t="s">
        <v>577</v>
      </c>
      <c r="J59" s="13" t="s">
        <v>237</v>
      </c>
      <c r="K59" s="11" t="s">
        <v>149</v>
      </c>
      <c r="L59" s="16"/>
      <c r="M59" s="16"/>
      <c r="N59" s="5" t="s">
        <v>589</v>
      </c>
      <c r="O59" s="57">
        <v>3000020142042</v>
      </c>
      <c r="P59" s="5" t="s">
        <v>575</v>
      </c>
      <c r="Q59" s="5" t="s">
        <v>625</v>
      </c>
      <c r="R59" s="12">
        <v>0.36458333333333331</v>
      </c>
      <c r="S59" s="40">
        <v>0.71875</v>
      </c>
      <c r="T59" s="11" t="s">
        <v>1032</v>
      </c>
      <c r="U59" s="19" t="s">
        <v>579</v>
      </c>
      <c r="V59" s="5">
        <v>14</v>
      </c>
      <c r="W59" s="5">
        <v>1</v>
      </c>
      <c r="X59" s="5">
        <v>1</v>
      </c>
      <c r="Y59" s="5">
        <v>1</v>
      </c>
      <c r="Z59" s="11" t="s">
        <v>580</v>
      </c>
      <c r="AA59" s="11" t="s">
        <v>327</v>
      </c>
      <c r="AB59" s="11" t="s">
        <v>1036</v>
      </c>
      <c r="AC59" s="11" t="s">
        <v>328</v>
      </c>
      <c r="AD59" s="16">
        <v>1</v>
      </c>
      <c r="AE59" s="16">
        <v>1</v>
      </c>
      <c r="AF59" s="16">
        <v>0</v>
      </c>
      <c r="AG59" s="16">
        <v>0</v>
      </c>
      <c r="AH59" s="16">
        <v>0</v>
      </c>
      <c r="AI59" s="16">
        <v>0</v>
      </c>
      <c r="AJ59" s="16">
        <v>1</v>
      </c>
      <c r="AK59" s="16">
        <v>1</v>
      </c>
      <c r="AL59" s="49">
        <v>6289</v>
      </c>
      <c r="AM59" s="13"/>
      <c r="AN59" s="54">
        <v>45065</v>
      </c>
    </row>
    <row r="60" spans="1:40" ht="72.599999999999994" customHeight="1" x14ac:dyDescent="0.2">
      <c r="A60" s="3">
        <v>140007</v>
      </c>
      <c r="B60" s="3" t="s">
        <v>76</v>
      </c>
      <c r="C60" s="27" t="s">
        <v>404</v>
      </c>
      <c r="D60" s="25" t="s">
        <v>82</v>
      </c>
      <c r="E60" s="11" t="s">
        <v>51</v>
      </c>
      <c r="F60" s="3" t="s">
        <v>329</v>
      </c>
      <c r="G60" s="5"/>
      <c r="H60" s="4">
        <v>1512</v>
      </c>
      <c r="I60" s="13" t="s">
        <v>74</v>
      </c>
      <c r="J60" s="13" t="s">
        <v>238</v>
      </c>
      <c r="K60" s="11" t="s">
        <v>150</v>
      </c>
      <c r="L60" s="16"/>
      <c r="M60" s="16"/>
      <c r="N60" s="5" t="s">
        <v>697</v>
      </c>
      <c r="O60" s="57">
        <v>2000020142051</v>
      </c>
      <c r="P60" s="5" t="s">
        <v>82</v>
      </c>
      <c r="Q60" s="5" t="s">
        <v>487</v>
      </c>
      <c r="R60" s="12">
        <v>0.375</v>
      </c>
      <c r="S60" s="40">
        <v>0.70833333333333337</v>
      </c>
      <c r="T60" s="11" t="s">
        <v>1037</v>
      </c>
      <c r="U60" s="19" t="s">
        <v>603</v>
      </c>
      <c r="V60" s="5">
        <v>14</v>
      </c>
      <c r="W60" s="5">
        <v>1</v>
      </c>
      <c r="X60" s="5">
        <v>1</v>
      </c>
      <c r="Y60" s="5">
        <v>1</v>
      </c>
      <c r="Z60" s="11" t="s">
        <v>1038</v>
      </c>
      <c r="AA60" s="11" t="s">
        <v>308</v>
      </c>
      <c r="AB60" s="11" t="s">
        <v>1039</v>
      </c>
      <c r="AC60" s="11"/>
      <c r="AD60" s="16">
        <v>1</v>
      </c>
      <c r="AE60" s="16">
        <v>1</v>
      </c>
      <c r="AF60" s="16">
        <v>1</v>
      </c>
      <c r="AG60" s="16">
        <v>1</v>
      </c>
      <c r="AH60" s="16">
        <v>0</v>
      </c>
      <c r="AI60" s="16">
        <v>1</v>
      </c>
      <c r="AJ60" s="16">
        <v>1</v>
      </c>
      <c r="AK60" s="16">
        <v>1</v>
      </c>
      <c r="AL60" s="49">
        <v>26289</v>
      </c>
      <c r="AM60" s="11" t="s">
        <v>480</v>
      </c>
      <c r="AN60" s="54">
        <v>45065</v>
      </c>
    </row>
    <row r="61" spans="1:40" ht="66.599999999999994" customHeight="1" x14ac:dyDescent="0.2">
      <c r="A61" s="3">
        <v>140007</v>
      </c>
      <c r="B61" s="3" t="s">
        <v>76</v>
      </c>
      <c r="C61" s="27" t="s">
        <v>405</v>
      </c>
      <c r="D61" s="25" t="s">
        <v>82</v>
      </c>
      <c r="E61" s="11" t="s">
        <v>52</v>
      </c>
      <c r="F61" s="3" t="s">
        <v>698</v>
      </c>
      <c r="G61" s="5"/>
      <c r="H61" s="4">
        <v>1512</v>
      </c>
      <c r="I61" s="13" t="s">
        <v>74</v>
      </c>
      <c r="J61" s="11" t="s">
        <v>911</v>
      </c>
      <c r="K61" s="11" t="s">
        <v>935</v>
      </c>
      <c r="L61" s="16"/>
      <c r="M61" s="16"/>
      <c r="N61" s="5" t="s">
        <v>699</v>
      </c>
      <c r="O61" s="57">
        <v>2000020142051</v>
      </c>
      <c r="P61" s="5" t="s">
        <v>82</v>
      </c>
      <c r="Q61" s="5" t="s">
        <v>590</v>
      </c>
      <c r="R61" s="12">
        <v>0.41666666666666669</v>
      </c>
      <c r="S61" s="40">
        <v>0.83333333333333337</v>
      </c>
      <c r="T61" s="11" t="s">
        <v>1040</v>
      </c>
      <c r="U61" s="19" t="s">
        <v>603</v>
      </c>
      <c r="V61" s="5">
        <v>14</v>
      </c>
      <c r="W61" s="5">
        <v>1</v>
      </c>
      <c r="X61" s="5">
        <v>1</v>
      </c>
      <c r="Y61" s="5">
        <v>1</v>
      </c>
      <c r="Z61" s="11" t="s">
        <v>1038</v>
      </c>
      <c r="AA61" s="11" t="s">
        <v>308</v>
      </c>
      <c r="AB61" s="11" t="s">
        <v>1041</v>
      </c>
      <c r="AC61" s="11"/>
      <c r="AD61" s="16">
        <v>1</v>
      </c>
      <c r="AE61" s="16">
        <v>1</v>
      </c>
      <c r="AF61" s="16">
        <v>1</v>
      </c>
      <c r="AG61" s="16">
        <v>1</v>
      </c>
      <c r="AH61" s="4">
        <v>1</v>
      </c>
      <c r="AI61" s="16">
        <v>0</v>
      </c>
      <c r="AJ61" s="16">
        <v>1</v>
      </c>
      <c r="AK61" s="16">
        <v>1</v>
      </c>
      <c r="AL61" s="49">
        <v>11275</v>
      </c>
      <c r="AM61" s="11" t="s">
        <v>1105</v>
      </c>
      <c r="AN61" s="54">
        <v>45065</v>
      </c>
    </row>
    <row r="62" spans="1:40" ht="79.2" customHeight="1" x14ac:dyDescent="0.2">
      <c r="A62" s="3">
        <v>140007</v>
      </c>
      <c r="B62" s="3" t="s">
        <v>76</v>
      </c>
      <c r="C62" s="27" t="s">
        <v>406</v>
      </c>
      <c r="D62" s="25" t="s">
        <v>82</v>
      </c>
      <c r="E62" s="11" t="s">
        <v>53</v>
      </c>
      <c r="F62" s="3" t="s">
        <v>330</v>
      </c>
      <c r="G62" s="5"/>
      <c r="H62" s="4">
        <v>1512</v>
      </c>
      <c r="I62" s="13" t="s">
        <v>74</v>
      </c>
      <c r="J62" s="13" t="s">
        <v>239</v>
      </c>
      <c r="K62" s="11" t="s">
        <v>151</v>
      </c>
      <c r="L62" s="16"/>
      <c r="M62" s="16"/>
      <c r="N62" s="5" t="s">
        <v>700</v>
      </c>
      <c r="O62" s="57">
        <v>2000020142051</v>
      </c>
      <c r="P62" s="5" t="s">
        <v>82</v>
      </c>
      <c r="Q62" s="3" t="s">
        <v>549</v>
      </c>
      <c r="R62" s="12">
        <v>0.375</v>
      </c>
      <c r="S62" s="40">
        <v>0.70833333333333337</v>
      </c>
      <c r="T62" s="11" t="s">
        <v>1042</v>
      </c>
      <c r="U62" s="19" t="s">
        <v>603</v>
      </c>
      <c r="V62" s="5">
        <v>14</v>
      </c>
      <c r="W62" s="5">
        <v>1</v>
      </c>
      <c r="X62" s="5">
        <v>1</v>
      </c>
      <c r="Y62" s="5">
        <v>1</v>
      </c>
      <c r="Z62" s="11" t="s">
        <v>1038</v>
      </c>
      <c r="AA62" s="11" t="s">
        <v>308</v>
      </c>
      <c r="AB62" s="11" t="s">
        <v>1043</v>
      </c>
      <c r="AC62" s="11"/>
      <c r="AD62" s="16">
        <v>1</v>
      </c>
      <c r="AE62" s="16">
        <v>1</v>
      </c>
      <c r="AF62" s="16">
        <v>1</v>
      </c>
      <c r="AG62" s="16">
        <v>1</v>
      </c>
      <c r="AH62" s="16">
        <v>0</v>
      </c>
      <c r="AI62" s="16">
        <v>1</v>
      </c>
      <c r="AJ62" s="16">
        <v>1</v>
      </c>
      <c r="AK62" s="16">
        <v>1</v>
      </c>
      <c r="AL62" s="49">
        <v>10812</v>
      </c>
      <c r="AM62" s="11" t="s">
        <v>1106</v>
      </c>
      <c r="AN62" s="54">
        <v>45065</v>
      </c>
    </row>
    <row r="63" spans="1:40" ht="75" customHeight="1" x14ac:dyDescent="0.2">
      <c r="A63" s="3">
        <v>140007</v>
      </c>
      <c r="B63" s="3" t="s">
        <v>76</v>
      </c>
      <c r="C63" s="27" t="s">
        <v>407</v>
      </c>
      <c r="D63" s="25" t="s">
        <v>82</v>
      </c>
      <c r="E63" s="11" t="s">
        <v>466</v>
      </c>
      <c r="F63" s="3" t="s">
        <v>701</v>
      </c>
      <c r="G63" s="5"/>
      <c r="H63" s="4">
        <v>1512</v>
      </c>
      <c r="I63" s="13" t="s">
        <v>74</v>
      </c>
      <c r="J63" s="13" t="s">
        <v>240</v>
      </c>
      <c r="K63" s="11" t="s">
        <v>152</v>
      </c>
      <c r="L63" s="16"/>
      <c r="M63" s="16"/>
      <c r="N63" s="5" t="s">
        <v>702</v>
      </c>
      <c r="O63" s="57">
        <v>2000020142051</v>
      </c>
      <c r="P63" s="5" t="s">
        <v>82</v>
      </c>
      <c r="Q63" s="3" t="s">
        <v>549</v>
      </c>
      <c r="R63" s="12">
        <v>0.375</v>
      </c>
      <c r="S63" s="40">
        <v>0.70833333333333337</v>
      </c>
      <c r="T63" s="11" t="s">
        <v>1042</v>
      </c>
      <c r="U63" s="19" t="s">
        <v>603</v>
      </c>
      <c r="V63" s="5">
        <v>14</v>
      </c>
      <c r="W63" s="5">
        <v>1</v>
      </c>
      <c r="X63" s="5">
        <v>1</v>
      </c>
      <c r="Y63" s="5">
        <v>1</v>
      </c>
      <c r="Z63" s="11" t="s">
        <v>1038</v>
      </c>
      <c r="AA63" s="11" t="s">
        <v>308</v>
      </c>
      <c r="AB63" s="11" t="s">
        <v>1044</v>
      </c>
      <c r="AC63" s="11"/>
      <c r="AD63" s="16">
        <v>1</v>
      </c>
      <c r="AE63" s="16">
        <v>1</v>
      </c>
      <c r="AF63" s="16">
        <v>1</v>
      </c>
      <c r="AG63" s="16">
        <v>1</v>
      </c>
      <c r="AH63" s="16">
        <v>0</v>
      </c>
      <c r="AI63" s="16">
        <v>1</v>
      </c>
      <c r="AJ63" s="16">
        <v>1</v>
      </c>
      <c r="AK63" s="16">
        <v>1</v>
      </c>
      <c r="AL63" s="49">
        <v>14166</v>
      </c>
      <c r="AM63" s="11" t="s">
        <v>1107</v>
      </c>
      <c r="AN63" s="54">
        <v>45065</v>
      </c>
    </row>
    <row r="64" spans="1:40" ht="48.6" customHeight="1" x14ac:dyDescent="0.2">
      <c r="A64" s="3">
        <v>140007</v>
      </c>
      <c r="B64" s="3" t="s">
        <v>76</v>
      </c>
      <c r="C64" s="27" t="s">
        <v>408</v>
      </c>
      <c r="D64" s="25" t="s">
        <v>83</v>
      </c>
      <c r="E64" s="11" t="s">
        <v>692</v>
      </c>
      <c r="F64" s="3" t="s">
        <v>912</v>
      </c>
      <c r="G64" s="5"/>
      <c r="H64" s="4">
        <v>1512</v>
      </c>
      <c r="I64" s="13" t="s">
        <v>74</v>
      </c>
      <c r="J64" s="13" t="s">
        <v>241</v>
      </c>
      <c r="K64" s="11" t="s">
        <v>153</v>
      </c>
      <c r="L64" s="16"/>
      <c r="M64" s="16"/>
      <c r="N64" s="5" t="s">
        <v>676</v>
      </c>
      <c r="O64" s="57">
        <v>1000020142069</v>
      </c>
      <c r="P64" s="5" t="s">
        <v>83</v>
      </c>
      <c r="Q64" s="5" t="s">
        <v>549</v>
      </c>
      <c r="R64" s="12">
        <v>0.375</v>
      </c>
      <c r="S64" s="40">
        <v>0.79166666666666663</v>
      </c>
      <c r="T64" s="11" t="s">
        <v>1045</v>
      </c>
      <c r="U64" s="19" t="s">
        <v>677</v>
      </c>
      <c r="V64" s="5">
        <v>14</v>
      </c>
      <c r="W64" s="5">
        <v>1</v>
      </c>
      <c r="X64" s="5">
        <v>1</v>
      </c>
      <c r="Y64" s="5">
        <v>1</v>
      </c>
      <c r="Z64" s="11" t="s">
        <v>477</v>
      </c>
      <c r="AA64" s="17" t="s">
        <v>450</v>
      </c>
      <c r="AB64" s="11" t="s">
        <v>1046</v>
      </c>
      <c r="AC64" s="11"/>
      <c r="AD64" s="16">
        <v>1</v>
      </c>
      <c r="AE64" s="16">
        <v>1</v>
      </c>
      <c r="AF64" s="16">
        <v>1</v>
      </c>
      <c r="AG64" s="16">
        <v>1</v>
      </c>
      <c r="AH64" s="16">
        <v>1</v>
      </c>
      <c r="AI64" s="16">
        <v>1</v>
      </c>
      <c r="AJ64" s="16">
        <v>1</v>
      </c>
      <c r="AK64" s="16">
        <v>1</v>
      </c>
      <c r="AL64" s="4">
        <v>18098</v>
      </c>
      <c r="AM64" s="13"/>
      <c r="AN64" s="54">
        <v>45065</v>
      </c>
    </row>
    <row r="65" spans="1:40" ht="54" customHeight="1" x14ac:dyDescent="0.2">
      <c r="A65" s="3">
        <v>140007</v>
      </c>
      <c r="B65" s="3" t="s">
        <v>76</v>
      </c>
      <c r="C65" s="27" t="s">
        <v>684</v>
      </c>
      <c r="D65" s="25" t="s">
        <v>83</v>
      </c>
      <c r="E65" s="11" t="s">
        <v>678</v>
      </c>
      <c r="F65" s="3" t="s">
        <v>679</v>
      </c>
      <c r="G65" s="5"/>
      <c r="H65" s="4">
        <v>1512</v>
      </c>
      <c r="I65" s="13" t="s">
        <v>74</v>
      </c>
      <c r="J65" s="13" t="s">
        <v>680</v>
      </c>
      <c r="K65" s="11" t="s">
        <v>681</v>
      </c>
      <c r="L65" s="16"/>
      <c r="M65" s="16"/>
      <c r="N65" s="5" t="s">
        <v>682</v>
      </c>
      <c r="O65" s="57">
        <v>1000020142069</v>
      </c>
      <c r="P65" s="5" t="s">
        <v>83</v>
      </c>
      <c r="Q65" s="5" t="s">
        <v>487</v>
      </c>
      <c r="R65" s="12">
        <v>0.375</v>
      </c>
      <c r="S65" s="40">
        <v>0.875</v>
      </c>
      <c r="T65" s="11" t="s">
        <v>1047</v>
      </c>
      <c r="U65" s="19" t="s">
        <v>683</v>
      </c>
      <c r="V65" s="5">
        <v>14</v>
      </c>
      <c r="W65" s="5">
        <v>1</v>
      </c>
      <c r="X65" s="5">
        <v>1</v>
      </c>
      <c r="Y65" s="5">
        <v>1</v>
      </c>
      <c r="Z65" s="11" t="s">
        <v>477</v>
      </c>
      <c r="AA65" s="17" t="s">
        <v>450</v>
      </c>
      <c r="AB65" s="11" t="s">
        <v>1048</v>
      </c>
      <c r="AC65" s="11"/>
      <c r="AD65" s="16">
        <v>0</v>
      </c>
      <c r="AE65" s="16">
        <v>1</v>
      </c>
      <c r="AF65" s="16">
        <v>1</v>
      </c>
      <c r="AG65" s="16">
        <v>1</v>
      </c>
      <c r="AH65" s="16">
        <v>0</v>
      </c>
      <c r="AI65" s="16">
        <v>1</v>
      </c>
      <c r="AJ65" s="16">
        <v>1</v>
      </c>
      <c r="AK65" s="16">
        <v>0</v>
      </c>
      <c r="AL65" s="4">
        <v>5325</v>
      </c>
      <c r="AM65" s="13"/>
      <c r="AN65" s="54">
        <v>45065</v>
      </c>
    </row>
    <row r="66" spans="1:40" ht="69.599999999999994" customHeight="1" x14ac:dyDescent="0.2">
      <c r="A66" s="3">
        <v>140007</v>
      </c>
      <c r="B66" s="3" t="s">
        <v>76</v>
      </c>
      <c r="C66" s="27" t="s">
        <v>409</v>
      </c>
      <c r="D66" s="25" t="s">
        <v>84</v>
      </c>
      <c r="E66" s="11" t="s">
        <v>54</v>
      </c>
      <c r="F66" s="3" t="s">
        <v>703</v>
      </c>
      <c r="G66" s="5"/>
      <c r="H66" s="3">
        <v>1512</v>
      </c>
      <c r="I66" s="5" t="s">
        <v>74</v>
      </c>
      <c r="J66" s="5" t="s">
        <v>242</v>
      </c>
      <c r="K66" s="3" t="s">
        <v>154</v>
      </c>
      <c r="L66" s="5"/>
      <c r="M66" s="5"/>
      <c r="N66" s="5" t="s">
        <v>643</v>
      </c>
      <c r="O66" s="57">
        <v>1000020142077</v>
      </c>
      <c r="P66" s="5" t="s">
        <v>84</v>
      </c>
      <c r="Q66" s="5" t="s">
        <v>486</v>
      </c>
      <c r="R66" s="12">
        <v>0.375</v>
      </c>
      <c r="S66" s="40">
        <v>0.79166666666666663</v>
      </c>
      <c r="T66" s="11" t="s">
        <v>471</v>
      </c>
      <c r="U66" s="19" t="s">
        <v>704</v>
      </c>
      <c r="V66" s="3">
        <v>14</v>
      </c>
      <c r="W66" s="5">
        <v>1</v>
      </c>
      <c r="X66" s="5">
        <v>1</v>
      </c>
      <c r="Y66" s="5">
        <v>1</v>
      </c>
      <c r="Z66" s="11" t="s">
        <v>478</v>
      </c>
      <c r="AA66" s="11" t="s">
        <v>308</v>
      </c>
      <c r="AB66" s="11" t="s">
        <v>705</v>
      </c>
      <c r="AC66" s="11"/>
      <c r="AD66" s="4">
        <v>1</v>
      </c>
      <c r="AE66" s="16">
        <v>1</v>
      </c>
      <c r="AF66" s="16">
        <v>1</v>
      </c>
      <c r="AG66" s="16">
        <v>1</v>
      </c>
      <c r="AH66" s="16">
        <v>0</v>
      </c>
      <c r="AI66" s="16">
        <v>1</v>
      </c>
      <c r="AJ66" s="16">
        <v>1</v>
      </c>
      <c r="AK66" s="16">
        <v>1</v>
      </c>
      <c r="AL66" s="4">
        <v>41997</v>
      </c>
      <c r="AM66" s="11" t="s">
        <v>882</v>
      </c>
      <c r="AN66" s="54">
        <v>44701</v>
      </c>
    </row>
    <row r="67" spans="1:40" ht="85.2" customHeight="1" x14ac:dyDescent="0.2">
      <c r="A67" s="3">
        <v>140007</v>
      </c>
      <c r="B67" s="3" t="s">
        <v>76</v>
      </c>
      <c r="C67" s="27" t="s">
        <v>410</v>
      </c>
      <c r="D67" s="25" t="s">
        <v>84</v>
      </c>
      <c r="E67" s="11" t="s">
        <v>645</v>
      </c>
      <c r="F67" s="3" t="s">
        <v>646</v>
      </c>
      <c r="G67" s="5"/>
      <c r="H67" s="3">
        <v>1512</v>
      </c>
      <c r="I67" s="5" t="s">
        <v>74</v>
      </c>
      <c r="J67" s="5" t="s">
        <v>243</v>
      </c>
      <c r="K67" s="3" t="s">
        <v>155</v>
      </c>
      <c r="L67" s="5"/>
      <c r="M67" s="5"/>
      <c r="N67" s="5" t="s">
        <v>647</v>
      </c>
      <c r="O67" s="57">
        <v>1000020142077</v>
      </c>
      <c r="P67" s="5" t="s">
        <v>84</v>
      </c>
      <c r="Q67" s="5" t="s">
        <v>486</v>
      </c>
      <c r="R67" s="12">
        <v>0.375</v>
      </c>
      <c r="S67" s="40">
        <v>0.70833333333333337</v>
      </c>
      <c r="T67" s="11" t="s">
        <v>472</v>
      </c>
      <c r="U67" s="19" t="s">
        <v>644</v>
      </c>
      <c r="V67" s="3">
        <v>14</v>
      </c>
      <c r="W67" s="5">
        <v>1</v>
      </c>
      <c r="X67" s="5">
        <v>1</v>
      </c>
      <c r="Y67" s="5">
        <v>1</v>
      </c>
      <c r="Z67" s="11" t="s">
        <v>478</v>
      </c>
      <c r="AA67" s="11" t="s">
        <v>308</v>
      </c>
      <c r="AB67" s="11" t="s">
        <v>648</v>
      </c>
      <c r="AC67" s="11"/>
      <c r="AD67" s="16">
        <v>1</v>
      </c>
      <c r="AE67" s="16">
        <v>0</v>
      </c>
      <c r="AF67" s="16">
        <v>1</v>
      </c>
      <c r="AG67" s="16">
        <v>1</v>
      </c>
      <c r="AH67" s="16">
        <v>0</v>
      </c>
      <c r="AI67" s="16">
        <v>0</v>
      </c>
      <c r="AJ67" s="16">
        <v>1</v>
      </c>
      <c r="AK67" s="16">
        <v>0</v>
      </c>
      <c r="AL67" s="4">
        <v>8296</v>
      </c>
      <c r="AM67" s="13"/>
      <c r="AN67" s="54">
        <v>44701</v>
      </c>
    </row>
    <row r="68" spans="1:40" ht="54" customHeight="1" x14ac:dyDescent="0.2">
      <c r="A68" s="3">
        <v>140007</v>
      </c>
      <c r="B68" s="3" t="s">
        <v>76</v>
      </c>
      <c r="C68" s="27" t="s">
        <v>411</v>
      </c>
      <c r="D68" s="25" t="s">
        <v>85</v>
      </c>
      <c r="E68" s="11" t="s">
        <v>55</v>
      </c>
      <c r="F68" s="3" t="s">
        <v>706</v>
      </c>
      <c r="G68" s="5"/>
      <c r="H68" s="4">
        <v>1512</v>
      </c>
      <c r="I68" s="13" t="s">
        <v>74</v>
      </c>
      <c r="J68" s="13" t="s">
        <v>244</v>
      </c>
      <c r="K68" s="11" t="s">
        <v>156</v>
      </c>
      <c r="L68" s="16"/>
      <c r="M68" s="16"/>
      <c r="N68" s="5" t="s">
        <v>685</v>
      </c>
      <c r="O68" s="58">
        <v>1000020142085</v>
      </c>
      <c r="P68" s="5" t="s">
        <v>85</v>
      </c>
      <c r="Q68" s="5" t="s">
        <v>707</v>
      </c>
      <c r="R68" s="12">
        <v>0.375</v>
      </c>
      <c r="S68" s="42" t="s">
        <v>1049</v>
      </c>
      <c r="T68" s="11" t="s">
        <v>1050</v>
      </c>
      <c r="U68" s="19" t="s">
        <v>708</v>
      </c>
      <c r="V68" s="5">
        <v>14</v>
      </c>
      <c r="W68" s="5">
        <v>1</v>
      </c>
      <c r="X68" s="5">
        <v>1</v>
      </c>
      <c r="Y68" s="5">
        <v>1</v>
      </c>
      <c r="Z68" s="11" t="s">
        <v>1051</v>
      </c>
      <c r="AA68" s="11" t="s">
        <v>709</v>
      </c>
      <c r="AB68" s="11" t="s">
        <v>1052</v>
      </c>
      <c r="AC68" s="11" t="s">
        <v>498</v>
      </c>
      <c r="AD68" s="16">
        <v>1</v>
      </c>
      <c r="AE68" s="16">
        <v>1</v>
      </c>
      <c r="AF68" s="16">
        <v>1</v>
      </c>
      <c r="AG68" s="16">
        <v>1</v>
      </c>
      <c r="AH68" s="16">
        <v>0</v>
      </c>
      <c r="AI68" s="16">
        <v>0</v>
      </c>
      <c r="AJ68" s="16">
        <v>1</v>
      </c>
      <c r="AK68" s="16">
        <v>1</v>
      </c>
      <c r="AL68" s="50">
        <v>12045</v>
      </c>
      <c r="AM68" s="13"/>
      <c r="AN68" s="54">
        <v>45065</v>
      </c>
    </row>
    <row r="69" spans="1:40" ht="52.8" customHeight="1" x14ac:dyDescent="0.2">
      <c r="A69" s="3">
        <v>140007</v>
      </c>
      <c r="B69" s="3" t="s">
        <v>76</v>
      </c>
      <c r="C69" s="27" t="s">
        <v>412</v>
      </c>
      <c r="D69" s="25" t="s">
        <v>85</v>
      </c>
      <c r="E69" s="11" t="s">
        <v>686</v>
      </c>
      <c r="F69" s="3" t="s">
        <v>710</v>
      </c>
      <c r="G69" s="5"/>
      <c r="H69" s="4">
        <v>1512</v>
      </c>
      <c r="I69" s="13" t="s">
        <v>74</v>
      </c>
      <c r="J69" s="13" t="s">
        <v>245</v>
      </c>
      <c r="K69" s="11" t="s">
        <v>157</v>
      </c>
      <c r="L69" s="16"/>
      <c r="M69" s="16"/>
      <c r="N69" s="5" t="s">
        <v>687</v>
      </c>
      <c r="O69" s="58">
        <v>1000020142085</v>
      </c>
      <c r="P69" s="5" t="s">
        <v>85</v>
      </c>
      <c r="Q69" s="5" t="s">
        <v>488</v>
      </c>
      <c r="R69" s="12">
        <v>0.375</v>
      </c>
      <c r="S69" s="40">
        <v>0.70833333333333337</v>
      </c>
      <c r="T69" s="11" t="s">
        <v>711</v>
      </c>
      <c r="U69" s="19" t="s">
        <v>708</v>
      </c>
      <c r="V69" s="5">
        <v>14</v>
      </c>
      <c r="W69" s="5">
        <v>1</v>
      </c>
      <c r="X69" s="5">
        <v>1</v>
      </c>
      <c r="Y69" s="5">
        <v>1</v>
      </c>
      <c r="Z69" s="11" t="s">
        <v>1051</v>
      </c>
      <c r="AA69" s="11" t="s">
        <v>709</v>
      </c>
      <c r="AB69" s="11" t="s">
        <v>1053</v>
      </c>
      <c r="AC69" s="47" t="s">
        <v>280</v>
      </c>
      <c r="AD69" s="16">
        <v>1</v>
      </c>
      <c r="AE69" s="16">
        <v>0</v>
      </c>
      <c r="AF69" s="16">
        <v>1</v>
      </c>
      <c r="AG69" s="16">
        <v>1</v>
      </c>
      <c r="AH69" s="16">
        <v>0</v>
      </c>
      <c r="AI69" s="16">
        <v>0</v>
      </c>
      <c r="AJ69" s="16">
        <v>1</v>
      </c>
      <c r="AK69" s="16">
        <v>0</v>
      </c>
      <c r="AL69" s="50">
        <v>2746</v>
      </c>
      <c r="AM69" s="13"/>
      <c r="AN69" s="54">
        <v>45065</v>
      </c>
    </row>
    <row r="70" spans="1:40" ht="52.8" customHeight="1" x14ac:dyDescent="0.2">
      <c r="A70" s="3">
        <v>140007</v>
      </c>
      <c r="B70" s="3" t="s">
        <v>76</v>
      </c>
      <c r="C70" s="27" t="s">
        <v>413</v>
      </c>
      <c r="D70" s="25" t="s">
        <v>85</v>
      </c>
      <c r="E70" s="11" t="s">
        <v>712</v>
      </c>
      <c r="F70" s="3" t="s">
        <v>713</v>
      </c>
      <c r="G70" s="5"/>
      <c r="H70" s="4">
        <v>1512</v>
      </c>
      <c r="I70" s="13" t="s">
        <v>74</v>
      </c>
      <c r="J70" s="13" t="s">
        <v>246</v>
      </c>
      <c r="K70" s="11" t="s">
        <v>158</v>
      </c>
      <c r="L70" s="16"/>
      <c r="M70" s="16"/>
      <c r="N70" s="5" t="s">
        <v>714</v>
      </c>
      <c r="O70" s="58">
        <v>1000020142085</v>
      </c>
      <c r="P70" s="5" t="s">
        <v>85</v>
      </c>
      <c r="Q70" s="5" t="s">
        <v>488</v>
      </c>
      <c r="R70" s="12">
        <v>0.375</v>
      </c>
      <c r="S70" s="40">
        <v>0.70833333333333337</v>
      </c>
      <c r="T70" s="11" t="s">
        <v>711</v>
      </c>
      <c r="U70" s="19" t="s">
        <v>708</v>
      </c>
      <c r="V70" s="5">
        <v>14</v>
      </c>
      <c r="W70" s="5">
        <v>1</v>
      </c>
      <c r="X70" s="5">
        <v>1</v>
      </c>
      <c r="Y70" s="5">
        <v>1</v>
      </c>
      <c r="Z70" s="11" t="s">
        <v>1051</v>
      </c>
      <c r="AA70" s="11" t="s">
        <v>709</v>
      </c>
      <c r="AB70" s="11" t="s">
        <v>1054</v>
      </c>
      <c r="AC70" s="48" t="s">
        <v>280</v>
      </c>
      <c r="AD70" s="16">
        <v>1</v>
      </c>
      <c r="AE70" s="16">
        <v>0</v>
      </c>
      <c r="AF70" s="16">
        <v>1</v>
      </c>
      <c r="AG70" s="16">
        <v>1</v>
      </c>
      <c r="AH70" s="16">
        <v>0</v>
      </c>
      <c r="AI70" s="16">
        <v>0</v>
      </c>
      <c r="AJ70" s="16">
        <v>1</v>
      </c>
      <c r="AK70" s="16">
        <v>0</v>
      </c>
      <c r="AL70" s="50">
        <v>2027</v>
      </c>
      <c r="AM70" s="13"/>
      <c r="AN70" s="54">
        <v>45065</v>
      </c>
    </row>
    <row r="71" spans="1:40" s="8" customFormat="1" ht="55.2" customHeight="1" x14ac:dyDescent="0.2">
      <c r="A71" s="3">
        <v>140007</v>
      </c>
      <c r="B71" s="3" t="s">
        <v>76</v>
      </c>
      <c r="C71" s="31" t="s">
        <v>414</v>
      </c>
      <c r="D71" s="2" t="s">
        <v>86</v>
      </c>
      <c r="E71" s="11" t="s">
        <v>56</v>
      </c>
      <c r="F71" s="3" t="s">
        <v>331</v>
      </c>
      <c r="G71" s="3"/>
      <c r="H71" s="4">
        <v>1512</v>
      </c>
      <c r="I71" s="11" t="s">
        <v>74</v>
      </c>
      <c r="J71" s="11" t="s">
        <v>247</v>
      </c>
      <c r="K71" s="11" t="s">
        <v>159</v>
      </c>
      <c r="L71" s="4"/>
      <c r="M71" s="4"/>
      <c r="N71" s="3" t="s">
        <v>715</v>
      </c>
      <c r="O71" s="58">
        <v>5000020142107</v>
      </c>
      <c r="P71" s="3" t="s">
        <v>86</v>
      </c>
      <c r="Q71" s="3" t="s">
        <v>486</v>
      </c>
      <c r="R71" s="6">
        <v>0.375</v>
      </c>
      <c r="S71" s="42">
        <v>0.70833333333333337</v>
      </c>
      <c r="T71" s="11" t="s">
        <v>1055</v>
      </c>
      <c r="U71" s="19" t="s">
        <v>716</v>
      </c>
      <c r="V71" s="3">
        <v>14</v>
      </c>
      <c r="W71" s="3">
        <v>1</v>
      </c>
      <c r="X71" s="3">
        <v>1</v>
      </c>
      <c r="Y71" s="3">
        <v>1</v>
      </c>
      <c r="Z71" s="11" t="s">
        <v>1057</v>
      </c>
      <c r="AA71" s="11"/>
      <c r="AB71" s="11" t="s">
        <v>1058</v>
      </c>
      <c r="AC71" s="11" t="s">
        <v>332</v>
      </c>
      <c r="AD71" s="4">
        <v>1</v>
      </c>
      <c r="AE71" s="4">
        <v>1</v>
      </c>
      <c r="AF71" s="4">
        <v>0</v>
      </c>
      <c r="AG71" s="4">
        <v>0</v>
      </c>
      <c r="AH71" s="4">
        <v>0</v>
      </c>
      <c r="AI71" s="4">
        <v>0</v>
      </c>
      <c r="AJ71" s="4">
        <v>0</v>
      </c>
      <c r="AK71" s="4">
        <v>0</v>
      </c>
      <c r="AL71" s="4">
        <v>3117</v>
      </c>
      <c r="AM71" s="11" t="s">
        <v>936</v>
      </c>
      <c r="AN71" s="54">
        <v>45065</v>
      </c>
    </row>
    <row r="72" spans="1:40" s="8" customFormat="1" ht="28.8" x14ac:dyDescent="0.2">
      <c r="A72" s="3">
        <v>140007</v>
      </c>
      <c r="B72" s="3" t="s">
        <v>76</v>
      </c>
      <c r="C72" s="31" t="s">
        <v>415</v>
      </c>
      <c r="D72" s="2" t="s">
        <v>86</v>
      </c>
      <c r="E72" s="11" t="s">
        <v>717</v>
      </c>
      <c r="F72" s="3" t="s">
        <v>718</v>
      </c>
      <c r="G72" s="3"/>
      <c r="H72" s="4">
        <v>1512</v>
      </c>
      <c r="I72" s="11" t="s">
        <v>74</v>
      </c>
      <c r="J72" s="18"/>
      <c r="K72" s="11"/>
      <c r="L72" s="4"/>
      <c r="M72" s="4"/>
      <c r="N72" s="9"/>
      <c r="O72" s="58">
        <v>5000020142107</v>
      </c>
      <c r="P72" s="3" t="s">
        <v>86</v>
      </c>
      <c r="Q72" s="9"/>
      <c r="R72" s="10"/>
      <c r="S72" s="43"/>
      <c r="T72" s="51"/>
      <c r="U72" s="46"/>
      <c r="V72" s="3"/>
      <c r="W72" s="3"/>
      <c r="X72" s="3"/>
      <c r="Y72" s="3"/>
      <c r="Z72" s="11"/>
      <c r="AA72" s="18"/>
      <c r="AB72" s="18"/>
      <c r="AC72" s="18"/>
      <c r="AD72" s="4"/>
      <c r="AE72" s="4"/>
      <c r="AF72" s="4"/>
      <c r="AG72" s="4"/>
      <c r="AH72" s="4"/>
      <c r="AI72" s="4"/>
      <c r="AJ72" s="4"/>
      <c r="AK72" s="4"/>
      <c r="AL72" s="52"/>
      <c r="AM72" s="11" t="s">
        <v>894</v>
      </c>
      <c r="AN72" s="54">
        <v>45065</v>
      </c>
    </row>
    <row r="73" spans="1:40" s="8" customFormat="1" ht="43.2" x14ac:dyDescent="0.2">
      <c r="A73" s="3">
        <v>140007</v>
      </c>
      <c r="B73" s="3" t="s">
        <v>76</v>
      </c>
      <c r="C73" s="31" t="s">
        <v>416</v>
      </c>
      <c r="D73" s="2" t="s">
        <v>86</v>
      </c>
      <c r="E73" s="11" t="s">
        <v>720</v>
      </c>
      <c r="F73" s="3" t="s">
        <v>721</v>
      </c>
      <c r="G73" s="3"/>
      <c r="H73" s="4">
        <v>1512</v>
      </c>
      <c r="I73" s="11" t="s">
        <v>74</v>
      </c>
      <c r="J73" s="11" t="s">
        <v>248</v>
      </c>
      <c r="K73" s="11" t="s">
        <v>160</v>
      </c>
      <c r="L73" s="4"/>
      <c r="M73" s="4"/>
      <c r="N73" s="3" t="s">
        <v>722</v>
      </c>
      <c r="O73" s="58">
        <v>5000020142107</v>
      </c>
      <c r="P73" s="3" t="s">
        <v>86</v>
      </c>
      <c r="Q73" s="3" t="s">
        <v>486</v>
      </c>
      <c r="R73" s="6">
        <v>0.41666666666666669</v>
      </c>
      <c r="S73" s="42">
        <v>0.70833333333333337</v>
      </c>
      <c r="T73" s="11" t="s">
        <v>1059</v>
      </c>
      <c r="U73" s="13"/>
      <c r="V73" s="3">
        <v>14</v>
      </c>
      <c r="W73" s="3">
        <v>1</v>
      </c>
      <c r="X73" s="3">
        <v>1</v>
      </c>
      <c r="Y73" s="3">
        <v>1</v>
      </c>
      <c r="Z73" s="11" t="s">
        <v>1056</v>
      </c>
      <c r="AA73" s="11"/>
      <c r="AB73" s="11" t="s">
        <v>1060</v>
      </c>
      <c r="AC73" s="11" t="s">
        <v>719</v>
      </c>
      <c r="AD73" s="4">
        <v>1</v>
      </c>
      <c r="AE73" s="4">
        <v>1</v>
      </c>
      <c r="AF73" s="4">
        <v>0</v>
      </c>
      <c r="AG73" s="4">
        <v>0</v>
      </c>
      <c r="AH73" s="4">
        <v>0</v>
      </c>
      <c r="AI73" s="4">
        <v>0</v>
      </c>
      <c r="AJ73" s="4">
        <v>0</v>
      </c>
      <c r="AK73" s="4">
        <v>0</v>
      </c>
      <c r="AL73" s="4">
        <v>1898</v>
      </c>
      <c r="AM73" s="11" t="s">
        <v>895</v>
      </c>
      <c r="AN73" s="54">
        <v>45065</v>
      </c>
    </row>
    <row r="74" spans="1:40" ht="112.8" customHeight="1" x14ac:dyDescent="0.2">
      <c r="A74" s="3">
        <v>140007</v>
      </c>
      <c r="B74" s="3" t="s">
        <v>76</v>
      </c>
      <c r="C74" s="27" t="s">
        <v>417</v>
      </c>
      <c r="D74" s="25" t="s">
        <v>87</v>
      </c>
      <c r="E74" s="11" t="s">
        <v>57</v>
      </c>
      <c r="F74" s="3" t="s">
        <v>626</v>
      </c>
      <c r="G74" s="5"/>
      <c r="H74" s="4">
        <v>1512</v>
      </c>
      <c r="I74" s="13" t="s">
        <v>74</v>
      </c>
      <c r="J74" s="13" t="s">
        <v>249</v>
      </c>
      <c r="K74" s="11" t="s">
        <v>161</v>
      </c>
      <c r="L74" s="16"/>
      <c r="M74" s="16"/>
      <c r="N74" s="5" t="s">
        <v>627</v>
      </c>
      <c r="O74" s="58">
        <v>5000020142115</v>
      </c>
      <c r="P74" s="5" t="s">
        <v>87</v>
      </c>
      <c r="Q74" s="5" t="s">
        <v>486</v>
      </c>
      <c r="R74" s="12">
        <v>0.375</v>
      </c>
      <c r="S74" s="40">
        <v>0.79166666666666663</v>
      </c>
      <c r="T74" s="11" t="s">
        <v>1061</v>
      </c>
      <c r="U74" s="19" t="s">
        <v>628</v>
      </c>
      <c r="V74" s="5">
        <v>14</v>
      </c>
      <c r="W74" s="5">
        <v>1</v>
      </c>
      <c r="X74" s="5">
        <v>1</v>
      </c>
      <c r="Y74" s="5">
        <v>1</v>
      </c>
      <c r="Z74" s="11" t="s">
        <v>913</v>
      </c>
      <c r="AA74" s="11" t="s">
        <v>308</v>
      </c>
      <c r="AB74" s="11" t="s">
        <v>1062</v>
      </c>
      <c r="AC74" s="11">
        <v>0</v>
      </c>
      <c r="AD74" s="16">
        <v>1</v>
      </c>
      <c r="AE74" s="16">
        <v>1</v>
      </c>
      <c r="AF74" s="16">
        <v>1</v>
      </c>
      <c r="AG74" s="16">
        <v>1</v>
      </c>
      <c r="AH74" s="16">
        <v>1</v>
      </c>
      <c r="AI74" s="16">
        <v>1</v>
      </c>
      <c r="AJ74" s="16">
        <v>1</v>
      </c>
      <c r="AK74" s="4">
        <v>1</v>
      </c>
      <c r="AL74" s="4">
        <v>69734</v>
      </c>
      <c r="AM74" s="11" t="s">
        <v>937</v>
      </c>
      <c r="AN74" s="54">
        <v>45065</v>
      </c>
    </row>
    <row r="75" spans="1:40" ht="51" customHeight="1" x14ac:dyDescent="0.2">
      <c r="A75" s="3">
        <v>140007</v>
      </c>
      <c r="B75" s="3" t="s">
        <v>76</v>
      </c>
      <c r="C75" s="27" t="s">
        <v>418</v>
      </c>
      <c r="D75" s="25" t="s">
        <v>88</v>
      </c>
      <c r="E75" s="11" t="s">
        <v>809</v>
      </c>
      <c r="F75" s="3" t="s">
        <v>333</v>
      </c>
      <c r="G75" s="5"/>
      <c r="H75" s="4">
        <v>1512</v>
      </c>
      <c r="I75" s="13" t="s">
        <v>74</v>
      </c>
      <c r="J75" s="13" t="s">
        <v>250</v>
      </c>
      <c r="K75" s="11" t="s">
        <v>276</v>
      </c>
      <c r="L75" s="16">
        <v>35.441494769066601</v>
      </c>
      <c r="M75" s="16">
        <v>139.36664700508001</v>
      </c>
      <c r="N75" s="5" t="s">
        <v>810</v>
      </c>
      <c r="O75" s="57">
        <v>5000020142123</v>
      </c>
      <c r="P75" s="5" t="s">
        <v>88</v>
      </c>
      <c r="Q75" s="5" t="s">
        <v>487</v>
      </c>
      <c r="R75" s="12">
        <v>0.375</v>
      </c>
      <c r="S75" s="40">
        <v>0.79166666666666663</v>
      </c>
      <c r="T75" s="11" t="s">
        <v>473</v>
      </c>
      <c r="U75" s="19" t="s">
        <v>811</v>
      </c>
      <c r="V75" s="5">
        <v>14</v>
      </c>
      <c r="W75" s="5">
        <v>1</v>
      </c>
      <c r="X75" s="5">
        <v>1</v>
      </c>
      <c r="Y75" s="5">
        <v>1</v>
      </c>
      <c r="Z75" s="11" t="s">
        <v>812</v>
      </c>
      <c r="AA75" s="11" t="s">
        <v>308</v>
      </c>
      <c r="AB75" s="11" t="s">
        <v>1063</v>
      </c>
      <c r="AC75" s="11" t="s">
        <v>281</v>
      </c>
      <c r="AD75" s="16">
        <v>1</v>
      </c>
      <c r="AE75" s="16">
        <v>0</v>
      </c>
      <c r="AF75" s="16">
        <v>1</v>
      </c>
      <c r="AG75" s="16">
        <v>1</v>
      </c>
      <c r="AH75" s="16">
        <v>1</v>
      </c>
      <c r="AI75" s="16">
        <v>0</v>
      </c>
      <c r="AJ75" s="16">
        <v>1</v>
      </c>
      <c r="AK75" s="16">
        <v>1</v>
      </c>
      <c r="AL75" s="4">
        <v>50606</v>
      </c>
      <c r="AM75" s="11" t="s">
        <v>938</v>
      </c>
      <c r="AN75" s="54">
        <v>45065</v>
      </c>
    </row>
    <row r="76" spans="1:40" ht="51" customHeight="1" x14ac:dyDescent="0.2">
      <c r="A76" s="3">
        <v>140007</v>
      </c>
      <c r="B76" s="3" t="s">
        <v>76</v>
      </c>
      <c r="C76" s="27" t="s">
        <v>419</v>
      </c>
      <c r="D76" s="25" t="s">
        <v>88</v>
      </c>
      <c r="E76" s="11" t="s">
        <v>267</v>
      </c>
      <c r="F76" s="3" t="s">
        <v>813</v>
      </c>
      <c r="G76" s="5"/>
      <c r="H76" s="4">
        <v>1307</v>
      </c>
      <c r="I76" s="13" t="s">
        <v>468</v>
      </c>
      <c r="J76" s="13" t="s">
        <v>814</v>
      </c>
      <c r="K76" s="11" t="s">
        <v>815</v>
      </c>
      <c r="L76" s="16">
        <v>35.508473229045499</v>
      </c>
      <c r="M76" s="16">
        <v>139.358920884658</v>
      </c>
      <c r="N76" s="5" t="s">
        <v>816</v>
      </c>
      <c r="O76" s="57">
        <v>5000020142123</v>
      </c>
      <c r="P76" s="5" t="s">
        <v>88</v>
      </c>
      <c r="Q76" s="5" t="s">
        <v>487</v>
      </c>
      <c r="R76" s="12">
        <v>0.41666666666666669</v>
      </c>
      <c r="S76" s="40">
        <v>0.70833333333333337</v>
      </c>
      <c r="T76" s="11" t="s">
        <v>1064</v>
      </c>
      <c r="U76" s="19" t="s">
        <v>817</v>
      </c>
      <c r="V76" s="5">
        <v>14</v>
      </c>
      <c r="W76" s="5">
        <v>1</v>
      </c>
      <c r="X76" s="5">
        <v>1</v>
      </c>
      <c r="Y76" s="5">
        <v>1</v>
      </c>
      <c r="Z76" s="11" t="s">
        <v>812</v>
      </c>
      <c r="AA76" s="11" t="s">
        <v>308</v>
      </c>
      <c r="AB76" s="11" t="s">
        <v>1065</v>
      </c>
      <c r="AC76" s="11" t="s">
        <v>280</v>
      </c>
      <c r="AD76" s="16">
        <v>1</v>
      </c>
      <c r="AE76" s="16">
        <v>0</v>
      </c>
      <c r="AF76" s="16">
        <v>1</v>
      </c>
      <c r="AG76" s="16">
        <v>1</v>
      </c>
      <c r="AH76" s="16">
        <v>1</v>
      </c>
      <c r="AI76" s="16">
        <v>0</v>
      </c>
      <c r="AJ76" s="16">
        <v>0</v>
      </c>
      <c r="AK76" s="16">
        <v>0</v>
      </c>
      <c r="AL76" s="4">
        <v>1917</v>
      </c>
      <c r="AM76" s="13" t="s">
        <v>896</v>
      </c>
      <c r="AN76" s="54">
        <v>45065</v>
      </c>
    </row>
    <row r="77" spans="1:40" ht="51" customHeight="1" x14ac:dyDescent="0.2">
      <c r="A77" s="3">
        <v>140007</v>
      </c>
      <c r="B77" s="3" t="s">
        <v>76</v>
      </c>
      <c r="C77" s="27" t="s">
        <v>420</v>
      </c>
      <c r="D77" s="25" t="s">
        <v>88</v>
      </c>
      <c r="E77" s="11" t="s">
        <v>268</v>
      </c>
      <c r="F77" s="11" t="s">
        <v>818</v>
      </c>
      <c r="G77" s="5"/>
      <c r="H77" s="4">
        <v>1307</v>
      </c>
      <c r="I77" s="13" t="s">
        <v>468</v>
      </c>
      <c r="J77" s="13" t="s">
        <v>819</v>
      </c>
      <c r="K77" s="11" t="s">
        <v>820</v>
      </c>
      <c r="L77" s="16">
        <v>35.483887135251301</v>
      </c>
      <c r="M77" s="16">
        <v>139.35091746417899</v>
      </c>
      <c r="N77" s="5" t="s">
        <v>279</v>
      </c>
      <c r="O77" s="57">
        <v>5000020142123</v>
      </c>
      <c r="P77" s="5" t="s">
        <v>88</v>
      </c>
      <c r="Q77" s="5" t="s">
        <v>487</v>
      </c>
      <c r="R77" s="12">
        <v>0.41666666666666669</v>
      </c>
      <c r="S77" s="40">
        <v>0.70833333333333337</v>
      </c>
      <c r="T77" s="11" t="s">
        <v>1064</v>
      </c>
      <c r="U77" s="19" t="s">
        <v>821</v>
      </c>
      <c r="V77" s="5">
        <v>14</v>
      </c>
      <c r="W77" s="5">
        <v>1</v>
      </c>
      <c r="X77" s="5">
        <v>1</v>
      </c>
      <c r="Y77" s="5">
        <v>1</v>
      </c>
      <c r="Z77" s="11" t="s">
        <v>812</v>
      </c>
      <c r="AA77" s="11" t="s">
        <v>308</v>
      </c>
      <c r="AB77" s="11" t="s">
        <v>1066</v>
      </c>
      <c r="AC77" s="11" t="s">
        <v>280</v>
      </c>
      <c r="AD77" s="16">
        <v>1</v>
      </c>
      <c r="AE77" s="16">
        <v>0</v>
      </c>
      <c r="AF77" s="16">
        <v>1</v>
      </c>
      <c r="AG77" s="16">
        <v>1</v>
      </c>
      <c r="AH77" s="16">
        <v>1</v>
      </c>
      <c r="AI77" s="16">
        <v>0</v>
      </c>
      <c r="AJ77" s="16">
        <v>0</v>
      </c>
      <c r="AK77" s="16">
        <v>0</v>
      </c>
      <c r="AL77" s="4">
        <v>2478</v>
      </c>
      <c r="AM77" s="13" t="s">
        <v>896</v>
      </c>
      <c r="AN77" s="54">
        <v>45065</v>
      </c>
    </row>
    <row r="78" spans="1:40" ht="51" customHeight="1" x14ac:dyDescent="0.2">
      <c r="A78" s="3">
        <v>140007</v>
      </c>
      <c r="B78" s="3" t="s">
        <v>76</v>
      </c>
      <c r="C78" s="27" t="s">
        <v>421</v>
      </c>
      <c r="D78" s="25" t="s">
        <v>88</v>
      </c>
      <c r="E78" s="11" t="s">
        <v>269</v>
      </c>
      <c r="F78" s="11" t="s">
        <v>822</v>
      </c>
      <c r="G78" s="5"/>
      <c r="H78" s="4">
        <v>1307</v>
      </c>
      <c r="I78" s="13" t="s">
        <v>468</v>
      </c>
      <c r="J78" s="13" t="s">
        <v>277</v>
      </c>
      <c r="K78" s="11" t="s">
        <v>1108</v>
      </c>
      <c r="L78" s="16">
        <v>35.461298990782701</v>
      </c>
      <c r="M78" s="16">
        <v>139.32270894205999</v>
      </c>
      <c r="N78" s="5" t="s">
        <v>823</v>
      </c>
      <c r="O78" s="57">
        <v>5000020142123</v>
      </c>
      <c r="P78" s="5" t="s">
        <v>88</v>
      </c>
      <c r="Q78" s="5" t="s">
        <v>487</v>
      </c>
      <c r="R78" s="12">
        <v>0.41666666666666669</v>
      </c>
      <c r="S78" s="40">
        <v>0.70833333333333337</v>
      </c>
      <c r="T78" s="11" t="s">
        <v>1064</v>
      </c>
      <c r="U78" s="19" t="s">
        <v>824</v>
      </c>
      <c r="V78" s="5">
        <v>14</v>
      </c>
      <c r="W78" s="5">
        <v>1</v>
      </c>
      <c r="X78" s="5">
        <v>1</v>
      </c>
      <c r="Y78" s="5">
        <v>1</v>
      </c>
      <c r="Z78" s="11" t="s">
        <v>812</v>
      </c>
      <c r="AA78" s="11" t="s">
        <v>308</v>
      </c>
      <c r="AB78" s="11" t="s">
        <v>1067</v>
      </c>
      <c r="AC78" s="11" t="s">
        <v>280</v>
      </c>
      <c r="AD78" s="16">
        <v>1</v>
      </c>
      <c r="AE78" s="16">
        <v>0</v>
      </c>
      <c r="AF78" s="16">
        <v>1</v>
      </c>
      <c r="AG78" s="16">
        <v>1</v>
      </c>
      <c r="AH78" s="16">
        <v>1</v>
      </c>
      <c r="AI78" s="16">
        <v>0</v>
      </c>
      <c r="AJ78" s="16">
        <v>0</v>
      </c>
      <c r="AK78" s="16">
        <v>0</v>
      </c>
      <c r="AL78" s="4">
        <v>2523</v>
      </c>
      <c r="AM78" s="13" t="s">
        <v>896</v>
      </c>
      <c r="AN78" s="54">
        <v>45065</v>
      </c>
    </row>
    <row r="79" spans="1:40" ht="51" customHeight="1" x14ac:dyDescent="0.2">
      <c r="A79" s="3">
        <v>140007</v>
      </c>
      <c r="B79" s="3" t="s">
        <v>76</v>
      </c>
      <c r="C79" s="27" t="s">
        <v>422</v>
      </c>
      <c r="D79" s="25" t="s">
        <v>88</v>
      </c>
      <c r="E79" s="11" t="s">
        <v>270</v>
      </c>
      <c r="F79" s="11" t="s">
        <v>825</v>
      </c>
      <c r="G79" s="5"/>
      <c r="H79" s="4">
        <v>1307</v>
      </c>
      <c r="I79" s="13" t="s">
        <v>468</v>
      </c>
      <c r="J79" s="13" t="s">
        <v>826</v>
      </c>
      <c r="K79" s="11" t="s">
        <v>827</v>
      </c>
      <c r="L79" s="16">
        <v>35.486515875765697</v>
      </c>
      <c r="M79" s="16">
        <v>139.328452228835</v>
      </c>
      <c r="N79" s="5" t="s">
        <v>828</v>
      </c>
      <c r="O79" s="57">
        <v>5000020142123</v>
      </c>
      <c r="P79" s="5" t="s">
        <v>88</v>
      </c>
      <c r="Q79" s="5" t="s">
        <v>487</v>
      </c>
      <c r="R79" s="12">
        <v>0.41666666666666669</v>
      </c>
      <c r="S79" s="40">
        <v>0.70833333333333337</v>
      </c>
      <c r="T79" s="11" t="s">
        <v>1068</v>
      </c>
      <c r="U79" s="19" t="s">
        <v>829</v>
      </c>
      <c r="V79" s="5">
        <v>14</v>
      </c>
      <c r="W79" s="5">
        <v>1</v>
      </c>
      <c r="X79" s="5">
        <v>1</v>
      </c>
      <c r="Y79" s="5">
        <v>1</v>
      </c>
      <c r="Z79" s="11" t="s">
        <v>812</v>
      </c>
      <c r="AA79" s="11" t="s">
        <v>308</v>
      </c>
      <c r="AB79" s="11" t="s">
        <v>1069</v>
      </c>
      <c r="AC79" s="11" t="s">
        <v>280</v>
      </c>
      <c r="AD79" s="16">
        <v>1</v>
      </c>
      <c r="AE79" s="16">
        <v>0</v>
      </c>
      <c r="AF79" s="16">
        <v>1</v>
      </c>
      <c r="AG79" s="16">
        <v>1</v>
      </c>
      <c r="AH79" s="16">
        <v>1</v>
      </c>
      <c r="AI79" s="16">
        <v>0</v>
      </c>
      <c r="AJ79" s="16">
        <v>0</v>
      </c>
      <c r="AK79" s="16">
        <v>0</v>
      </c>
      <c r="AL79" s="4">
        <v>2377</v>
      </c>
      <c r="AM79" s="13" t="s">
        <v>896</v>
      </c>
      <c r="AN79" s="54">
        <v>45065</v>
      </c>
    </row>
    <row r="80" spans="1:40" ht="51" customHeight="1" x14ac:dyDescent="0.2">
      <c r="A80" s="3">
        <v>140007</v>
      </c>
      <c r="B80" s="3" t="s">
        <v>76</v>
      </c>
      <c r="C80" s="27" t="s">
        <v>423</v>
      </c>
      <c r="D80" s="25" t="s">
        <v>88</v>
      </c>
      <c r="E80" s="11" t="s">
        <v>271</v>
      </c>
      <c r="F80" s="11" t="s">
        <v>830</v>
      </c>
      <c r="G80" s="5"/>
      <c r="H80" s="4">
        <v>1307</v>
      </c>
      <c r="I80" s="13" t="s">
        <v>468</v>
      </c>
      <c r="J80" s="13" t="s">
        <v>831</v>
      </c>
      <c r="K80" s="11" t="s">
        <v>278</v>
      </c>
      <c r="L80" s="16">
        <v>35.445950629087598</v>
      </c>
      <c r="M80" s="16">
        <v>139.30870784602499</v>
      </c>
      <c r="N80" s="5" t="s">
        <v>832</v>
      </c>
      <c r="O80" s="57">
        <v>5000020142123</v>
      </c>
      <c r="P80" s="5" t="s">
        <v>88</v>
      </c>
      <c r="Q80" s="5" t="s">
        <v>487</v>
      </c>
      <c r="R80" s="12">
        <v>0.41666666666666669</v>
      </c>
      <c r="S80" s="40">
        <v>0.70833333333333337</v>
      </c>
      <c r="T80" s="11" t="s">
        <v>1064</v>
      </c>
      <c r="U80" s="19" t="s">
        <v>833</v>
      </c>
      <c r="V80" s="5">
        <v>14</v>
      </c>
      <c r="W80" s="5">
        <v>1</v>
      </c>
      <c r="X80" s="5">
        <v>1</v>
      </c>
      <c r="Y80" s="5">
        <v>1</v>
      </c>
      <c r="Z80" s="11" t="s">
        <v>812</v>
      </c>
      <c r="AA80" s="11" t="s">
        <v>308</v>
      </c>
      <c r="AB80" s="11" t="s">
        <v>1070</v>
      </c>
      <c r="AC80" s="11" t="s">
        <v>280</v>
      </c>
      <c r="AD80" s="16">
        <v>1</v>
      </c>
      <c r="AE80" s="16">
        <v>0</v>
      </c>
      <c r="AF80" s="16">
        <v>1</v>
      </c>
      <c r="AG80" s="16">
        <v>1</v>
      </c>
      <c r="AH80" s="16">
        <v>1</v>
      </c>
      <c r="AI80" s="16">
        <v>0</v>
      </c>
      <c r="AJ80" s="16">
        <v>0</v>
      </c>
      <c r="AK80" s="16">
        <v>0</v>
      </c>
      <c r="AL80" s="4">
        <v>1564</v>
      </c>
      <c r="AM80" s="13" t="s">
        <v>896</v>
      </c>
      <c r="AN80" s="54">
        <v>45065</v>
      </c>
    </row>
    <row r="81" spans="1:40" ht="51" customHeight="1" x14ac:dyDescent="0.2">
      <c r="A81" s="3">
        <v>140007</v>
      </c>
      <c r="B81" s="3" t="s">
        <v>76</v>
      </c>
      <c r="C81" s="27" t="s">
        <v>424</v>
      </c>
      <c r="D81" s="25" t="s">
        <v>88</v>
      </c>
      <c r="E81" s="11" t="s">
        <v>272</v>
      </c>
      <c r="F81" s="11" t="s">
        <v>834</v>
      </c>
      <c r="G81" s="5"/>
      <c r="H81" s="4">
        <v>1307</v>
      </c>
      <c r="I81" s="13" t="s">
        <v>468</v>
      </c>
      <c r="J81" s="13" t="s">
        <v>835</v>
      </c>
      <c r="K81" s="11" t="s">
        <v>836</v>
      </c>
      <c r="L81" s="16">
        <v>35.439645453571202</v>
      </c>
      <c r="M81" s="16">
        <v>139.30255489999999</v>
      </c>
      <c r="N81" s="5" t="s">
        <v>837</v>
      </c>
      <c r="O81" s="57">
        <v>5000020142123</v>
      </c>
      <c r="P81" s="5" t="s">
        <v>88</v>
      </c>
      <c r="Q81" s="5" t="s">
        <v>487</v>
      </c>
      <c r="R81" s="12">
        <v>0.41666666666666669</v>
      </c>
      <c r="S81" s="40">
        <v>0.70833333333333337</v>
      </c>
      <c r="T81" s="11" t="s">
        <v>1064</v>
      </c>
      <c r="U81" s="19" t="s">
        <v>838</v>
      </c>
      <c r="V81" s="5">
        <v>14</v>
      </c>
      <c r="W81" s="5">
        <v>1</v>
      </c>
      <c r="X81" s="5">
        <v>1</v>
      </c>
      <c r="Y81" s="5">
        <v>1</v>
      </c>
      <c r="Z81" s="11" t="s">
        <v>812</v>
      </c>
      <c r="AA81" s="11" t="s">
        <v>308</v>
      </c>
      <c r="AB81" s="11" t="s">
        <v>1071</v>
      </c>
      <c r="AC81" s="11" t="s">
        <v>280</v>
      </c>
      <c r="AD81" s="16">
        <v>1</v>
      </c>
      <c r="AE81" s="16">
        <v>0</v>
      </c>
      <c r="AF81" s="16">
        <v>1</v>
      </c>
      <c r="AG81" s="16">
        <v>1</v>
      </c>
      <c r="AH81" s="16">
        <v>1</v>
      </c>
      <c r="AI81" s="16">
        <v>0</v>
      </c>
      <c r="AJ81" s="16">
        <v>0</v>
      </c>
      <c r="AK81" s="16">
        <v>0</v>
      </c>
      <c r="AL81" s="4">
        <v>1912</v>
      </c>
      <c r="AM81" s="13" t="s">
        <v>896</v>
      </c>
      <c r="AN81" s="54">
        <v>45065</v>
      </c>
    </row>
    <row r="82" spans="1:40" ht="51" customHeight="1" x14ac:dyDescent="0.2">
      <c r="A82" s="3">
        <v>140007</v>
      </c>
      <c r="B82" s="3" t="s">
        <v>76</v>
      </c>
      <c r="C82" s="27" t="s">
        <v>425</v>
      </c>
      <c r="D82" s="25" t="s">
        <v>88</v>
      </c>
      <c r="E82" s="11" t="s">
        <v>273</v>
      </c>
      <c r="F82" s="11" t="s">
        <v>839</v>
      </c>
      <c r="G82" s="5"/>
      <c r="H82" s="4">
        <v>1307</v>
      </c>
      <c r="I82" s="13" t="s">
        <v>468</v>
      </c>
      <c r="J82" s="13" t="s">
        <v>840</v>
      </c>
      <c r="K82" s="11" t="s">
        <v>841</v>
      </c>
      <c r="L82" s="16">
        <v>35.409436228631897</v>
      </c>
      <c r="M82" s="16">
        <v>139.35804626931599</v>
      </c>
      <c r="N82" s="5" t="s">
        <v>842</v>
      </c>
      <c r="O82" s="57">
        <v>5000020142123</v>
      </c>
      <c r="P82" s="5" t="s">
        <v>88</v>
      </c>
      <c r="Q82" s="5" t="s">
        <v>487</v>
      </c>
      <c r="R82" s="12">
        <v>0.41666666666666669</v>
      </c>
      <c r="S82" s="40">
        <v>0.70833333333333337</v>
      </c>
      <c r="T82" s="11" t="s">
        <v>1064</v>
      </c>
      <c r="U82" s="19" t="s">
        <v>843</v>
      </c>
      <c r="V82" s="5">
        <v>14</v>
      </c>
      <c r="W82" s="5">
        <v>1</v>
      </c>
      <c r="X82" s="5">
        <v>1</v>
      </c>
      <c r="Y82" s="5">
        <v>1</v>
      </c>
      <c r="Z82" s="11" t="s">
        <v>812</v>
      </c>
      <c r="AA82" s="11" t="s">
        <v>308</v>
      </c>
      <c r="AB82" s="11" t="s">
        <v>1072</v>
      </c>
      <c r="AC82" s="11" t="s">
        <v>280</v>
      </c>
      <c r="AD82" s="16">
        <v>1</v>
      </c>
      <c r="AE82" s="16">
        <v>0</v>
      </c>
      <c r="AF82" s="16">
        <v>1</v>
      </c>
      <c r="AG82" s="16">
        <v>1</v>
      </c>
      <c r="AH82" s="16">
        <v>1</v>
      </c>
      <c r="AI82" s="16">
        <v>0</v>
      </c>
      <c r="AJ82" s="16">
        <v>0</v>
      </c>
      <c r="AK82" s="16">
        <v>0</v>
      </c>
      <c r="AL82" s="4">
        <v>1474</v>
      </c>
      <c r="AM82" s="13" t="s">
        <v>896</v>
      </c>
      <c r="AN82" s="54">
        <v>45065</v>
      </c>
    </row>
    <row r="83" spans="1:40" ht="51" customHeight="1" x14ac:dyDescent="0.2">
      <c r="A83" s="3">
        <v>140007</v>
      </c>
      <c r="B83" s="3" t="s">
        <v>76</v>
      </c>
      <c r="C83" s="27" t="s">
        <v>426</v>
      </c>
      <c r="D83" s="25" t="s">
        <v>88</v>
      </c>
      <c r="E83" s="11" t="s">
        <v>274</v>
      </c>
      <c r="F83" s="11" t="s">
        <v>844</v>
      </c>
      <c r="G83" s="5"/>
      <c r="H83" s="4">
        <v>1307</v>
      </c>
      <c r="I83" s="13" t="s">
        <v>468</v>
      </c>
      <c r="J83" s="13" t="s">
        <v>845</v>
      </c>
      <c r="K83" s="11" t="s">
        <v>846</v>
      </c>
      <c r="L83" s="16">
        <v>35.465537308344899</v>
      </c>
      <c r="M83" s="16">
        <v>139.347056150436</v>
      </c>
      <c r="N83" s="5" t="s">
        <v>847</v>
      </c>
      <c r="O83" s="57">
        <v>5000020142123</v>
      </c>
      <c r="P83" s="5" t="s">
        <v>88</v>
      </c>
      <c r="Q83" s="5" t="s">
        <v>487</v>
      </c>
      <c r="R83" s="12">
        <v>0.41666666666666669</v>
      </c>
      <c r="S83" s="40">
        <v>0.70833333333333337</v>
      </c>
      <c r="T83" s="11" t="s">
        <v>1064</v>
      </c>
      <c r="U83" s="19" t="s">
        <v>848</v>
      </c>
      <c r="V83" s="5">
        <v>14</v>
      </c>
      <c r="W83" s="5">
        <v>1</v>
      </c>
      <c r="X83" s="5">
        <v>1</v>
      </c>
      <c r="Y83" s="5">
        <v>1</v>
      </c>
      <c r="Z83" s="11" t="s">
        <v>812</v>
      </c>
      <c r="AA83" s="11" t="s">
        <v>308</v>
      </c>
      <c r="AB83" s="11" t="s">
        <v>1073</v>
      </c>
      <c r="AC83" s="11" t="s">
        <v>280</v>
      </c>
      <c r="AD83" s="16">
        <v>1</v>
      </c>
      <c r="AE83" s="16">
        <v>0</v>
      </c>
      <c r="AF83" s="16">
        <v>1</v>
      </c>
      <c r="AG83" s="16">
        <v>1</v>
      </c>
      <c r="AH83" s="16">
        <v>1</v>
      </c>
      <c r="AI83" s="16">
        <v>0</v>
      </c>
      <c r="AJ83" s="16">
        <v>0</v>
      </c>
      <c r="AK83" s="16">
        <v>0</v>
      </c>
      <c r="AL83" s="4">
        <v>2293</v>
      </c>
      <c r="AM83" s="13" t="s">
        <v>896</v>
      </c>
      <c r="AN83" s="54">
        <v>45065</v>
      </c>
    </row>
    <row r="84" spans="1:40" ht="51" customHeight="1" x14ac:dyDescent="0.2">
      <c r="A84" s="3">
        <v>140007</v>
      </c>
      <c r="B84" s="3" t="s">
        <v>76</v>
      </c>
      <c r="C84" s="27" t="s">
        <v>427</v>
      </c>
      <c r="D84" s="25" t="s">
        <v>88</v>
      </c>
      <c r="E84" s="11" t="s">
        <v>275</v>
      </c>
      <c r="F84" s="11" t="s">
        <v>849</v>
      </c>
      <c r="G84" s="5"/>
      <c r="H84" s="4">
        <v>1307</v>
      </c>
      <c r="I84" s="13" t="s">
        <v>468</v>
      </c>
      <c r="J84" s="13" t="s">
        <v>850</v>
      </c>
      <c r="K84" s="11" t="s">
        <v>851</v>
      </c>
      <c r="L84" s="16">
        <v>35.439021717415798</v>
      </c>
      <c r="M84" s="16">
        <v>139.33547129987599</v>
      </c>
      <c r="N84" s="5" t="s">
        <v>852</v>
      </c>
      <c r="O84" s="57">
        <v>5000020142123</v>
      </c>
      <c r="P84" s="5" t="s">
        <v>88</v>
      </c>
      <c r="Q84" s="5" t="s">
        <v>487</v>
      </c>
      <c r="R84" s="12">
        <v>0.41666666666666669</v>
      </c>
      <c r="S84" s="40">
        <v>0.70833333333333337</v>
      </c>
      <c r="T84" s="11" t="s">
        <v>1068</v>
      </c>
      <c r="U84" s="19" t="s">
        <v>853</v>
      </c>
      <c r="V84" s="5">
        <v>14</v>
      </c>
      <c r="W84" s="5">
        <v>1</v>
      </c>
      <c r="X84" s="5">
        <v>1</v>
      </c>
      <c r="Y84" s="5">
        <v>1</v>
      </c>
      <c r="Z84" s="11" t="s">
        <v>812</v>
      </c>
      <c r="AA84" s="11" t="s">
        <v>308</v>
      </c>
      <c r="AB84" s="11" t="s">
        <v>1074</v>
      </c>
      <c r="AC84" s="11" t="s">
        <v>280</v>
      </c>
      <c r="AD84" s="16">
        <v>1</v>
      </c>
      <c r="AE84" s="16">
        <v>0</v>
      </c>
      <c r="AF84" s="16">
        <v>1</v>
      </c>
      <c r="AG84" s="16">
        <v>1</v>
      </c>
      <c r="AH84" s="16">
        <v>1</v>
      </c>
      <c r="AI84" s="16">
        <v>0</v>
      </c>
      <c r="AJ84" s="16">
        <v>0</v>
      </c>
      <c r="AK84" s="16">
        <v>0</v>
      </c>
      <c r="AL84" s="4">
        <v>2138</v>
      </c>
      <c r="AM84" s="13" t="s">
        <v>896</v>
      </c>
      <c r="AN84" s="54">
        <v>45065</v>
      </c>
    </row>
    <row r="85" spans="1:40" ht="51" customHeight="1" x14ac:dyDescent="0.2">
      <c r="A85" s="3">
        <v>140007</v>
      </c>
      <c r="B85" s="3" t="s">
        <v>76</v>
      </c>
      <c r="C85" s="27" t="s">
        <v>428</v>
      </c>
      <c r="D85" s="25" t="s">
        <v>89</v>
      </c>
      <c r="E85" s="11" t="s">
        <v>723</v>
      </c>
      <c r="F85" s="3" t="s">
        <v>724</v>
      </c>
      <c r="G85" s="5"/>
      <c r="H85" s="4">
        <v>1512</v>
      </c>
      <c r="I85" s="13" t="s">
        <v>74</v>
      </c>
      <c r="J85" s="13" t="s">
        <v>725</v>
      </c>
      <c r="K85" s="11" t="s">
        <v>347</v>
      </c>
      <c r="L85" s="16"/>
      <c r="M85" s="16"/>
      <c r="N85" s="3" t="s">
        <v>726</v>
      </c>
      <c r="O85" s="57">
        <v>5000020142131</v>
      </c>
      <c r="P85" s="5" t="s">
        <v>89</v>
      </c>
      <c r="Q85" s="5" t="s">
        <v>487</v>
      </c>
      <c r="R85" s="12">
        <v>0.375</v>
      </c>
      <c r="S85" s="40">
        <v>0.875</v>
      </c>
      <c r="T85" s="11" t="s">
        <v>1075</v>
      </c>
      <c r="U85" s="19" t="s">
        <v>496</v>
      </c>
      <c r="V85" s="5">
        <v>14</v>
      </c>
      <c r="W85" s="5">
        <v>1</v>
      </c>
      <c r="X85" s="5">
        <v>1</v>
      </c>
      <c r="Y85" s="5">
        <v>1</v>
      </c>
      <c r="Z85" s="11" t="s">
        <v>604</v>
      </c>
      <c r="AA85" s="11" t="s">
        <v>308</v>
      </c>
      <c r="AB85" s="11" t="s">
        <v>1076</v>
      </c>
      <c r="AC85" s="11" t="s">
        <v>939</v>
      </c>
      <c r="AD85" s="16">
        <v>1</v>
      </c>
      <c r="AE85" s="16">
        <v>1</v>
      </c>
      <c r="AF85" s="16">
        <v>1</v>
      </c>
      <c r="AG85" s="16">
        <v>1</v>
      </c>
      <c r="AH85" s="16">
        <v>1</v>
      </c>
      <c r="AI85" s="16">
        <v>1</v>
      </c>
      <c r="AJ85" s="16">
        <v>1</v>
      </c>
      <c r="AK85" s="16">
        <v>1</v>
      </c>
      <c r="AL85" s="4" t="s">
        <v>940</v>
      </c>
      <c r="AM85" s="11" t="s">
        <v>1077</v>
      </c>
      <c r="AN85" s="54">
        <v>45065</v>
      </c>
    </row>
    <row r="86" spans="1:40" ht="51" customHeight="1" x14ac:dyDescent="0.2">
      <c r="A86" s="3">
        <v>140007</v>
      </c>
      <c r="B86" s="3" t="s">
        <v>76</v>
      </c>
      <c r="C86" s="27" t="s">
        <v>518</v>
      </c>
      <c r="D86" s="25" t="s">
        <v>89</v>
      </c>
      <c r="E86" s="11" t="s">
        <v>512</v>
      </c>
      <c r="F86" s="3" t="s">
        <v>649</v>
      </c>
      <c r="G86" s="5"/>
      <c r="H86" s="4">
        <v>1512</v>
      </c>
      <c r="I86" s="13" t="s">
        <v>74</v>
      </c>
      <c r="J86" s="13" t="s">
        <v>727</v>
      </c>
      <c r="K86" s="11" t="s">
        <v>513</v>
      </c>
      <c r="L86" s="16"/>
      <c r="M86" s="16"/>
      <c r="N86" s="3" t="s">
        <v>728</v>
      </c>
      <c r="O86" s="57">
        <v>5000020142131</v>
      </c>
      <c r="P86" s="5" t="s">
        <v>89</v>
      </c>
      <c r="Q86" s="5" t="s">
        <v>487</v>
      </c>
      <c r="R86" s="12">
        <v>0.41666666666666669</v>
      </c>
      <c r="S86" s="40">
        <v>0.875</v>
      </c>
      <c r="T86" s="11" t="s">
        <v>514</v>
      </c>
      <c r="U86" s="19" t="s">
        <v>515</v>
      </c>
      <c r="V86" s="5">
        <v>14</v>
      </c>
      <c r="W86" s="5">
        <v>1</v>
      </c>
      <c r="X86" s="5">
        <v>1</v>
      </c>
      <c r="Y86" s="5">
        <v>1</v>
      </c>
      <c r="Z86" s="11" t="s">
        <v>605</v>
      </c>
      <c r="AA86" s="11" t="s">
        <v>308</v>
      </c>
      <c r="AB86" s="11" t="s">
        <v>941</v>
      </c>
      <c r="AC86" s="11" t="s">
        <v>1078</v>
      </c>
      <c r="AD86" s="16">
        <v>0</v>
      </c>
      <c r="AE86" s="16">
        <v>1</v>
      </c>
      <c r="AF86" s="16">
        <v>0</v>
      </c>
      <c r="AG86" s="16">
        <v>0</v>
      </c>
      <c r="AH86" s="16">
        <v>0</v>
      </c>
      <c r="AI86" s="16">
        <v>0</v>
      </c>
      <c r="AJ86" s="16">
        <v>0</v>
      </c>
      <c r="AK86" s="16">
        <v>0</v>
      </c>
      <c r="AL86" s="4" t="s">
        <v>942</v>
      </c>
      <c r="AM86" s="11" t="s">
        <v>943</v>
      </c>
      <c r="AN86" s="54">
        <v>45065</v>
      </c>
    </row>
    <row r="87" spans="1:40" ht="51" customHeight="1" x14ac:dyDescent="0.2">
      <c r="A87" s="3">
        <v>140007</v>
      </c>
      <c r="B87" s="3" t="s">
        <v>76</v>
      </c>
      <c r="C87" s="27" t="s">
        <v>519</v>
      </c>
      <c r="D87" s="25" t="s">
        <v>89</v>
      </c>
      <c r="E87" s="11" t="s">
        <v>516</v>
      </c>
      <c r="F87" s="3" t="s">
        <v>729</v>
      </c>
      <c r="G87" s="5"/>
      <c r="H87" s="4">
        <v>1512</v>
      </c>
      <c r="I87" s="13" t="s">
        <v>74</v>
      </c>
      <c r="J87" s="13" t="s">
        <v>730</v>
      </c>
      <c r="K87" s="11" t="s">
        <v>517</v>
      </c>
      <c r="L87" s="16"/>
      <c r="M87" s="16"/>
      <c r="N87" s="3" t="s">
        <v>731</v>
      </c>
      <c r="O87" s="57">
        <v>5000020142131</v>
      </c>
      <c r="P87" s="5" t="s">
        <v>89</v>
      </c>
      <c r="Q87" s="3" t="s">
        <v>487</v>
      </c>
      <c r="R87" s="12">
        <v>0.375</v>
      </c>
      <c r="S87" s="40">
        <v>0.89583333333333337</v>
      </c>
      <c r="T87" s="11" t="s">
        <v>606</v>
      </c>
      <c r="U87" s="19" t="s">
        <v>591</v>
      </c>
      <c r="V87" s="5">
        <v>14</v>
      </c>
      <c r="W87" s="5">
        <v>1</v>
      </c>
      <c r="X87" s="5">
        <v>1</v>
      </c>
      <c r="Y87" s="5">
        <v>1</v>
      </c>
      <c r="Z87" s="11" t="s">
        <v>605</v>
      </c>
      <c r="AA87" s="11" t="s">
        <v>308</v>
      </c>
      <c r="AB87" s="11" t="s">
        <v>907</v>
      </c>
      <c r="AC87" s="11" t="s">
        <v>1078</v>
      </c>
      <c r="AD87" s="16">
        <v>0</v>
      </c>
      <c r="AE87" s="16">
        <v>1</v>
      </c>
      <c r="AF87" s="16">
        <v>1</v>
      </c>
      <c r="AG87" s="16">
        <v>1</v>
      </c>
      <c r="AH87" s="16">
        <v>1</v>
      </c>
      <c r="AI87" s="16">
        <v>1</v>
      </c>
      <c r="AJ87" s="16">
        <v>1</v>
      </c>
      <c r="AK87" s="16">
        <v>0</v>
      </c>
      <c r="AL87" s="4" t="s">
        <v>944</v>
      </c>
      <c r="AM87" s="11" t="s">
        <v>732</v>
      </c>
      <c r="AN87" s="54">
        <v>45065</v>
      </c>
    </row>
    <row r="88" spans="1:40" ht="91.8" customHeight="1" x14ac:dyDescent="0.2">
      <c r="A88" s="3">
        <v>140007</v>
      </c>
      <c r="B88" s="3" t="s">
        <v>520</v>
      </c>
      <c r="C88" s="27">
        <v>1500000085</v>
      </c>
      <c r="D88" s="25" t="s">
        <v>521</v>
      </c>
      <c r="E88" s="11" t="s">
        <v>58</v>
      </c>
      <c r="F88" s="3" t="s">
        <v>522</v>
      </c>
      <c r="G88" s="5"/>
      <c r="H88" s="4" t="s">
        <v>733</v>
      </c>
      <c r="I88" s="13" t="s">
        <v>523</v>
      </c>
      <c r="J88" s="13" t="s">
        <v>251</v>
      </c>
      <c r="K88" s="11" t="s">
        <v>162</v>
      </c>
      <c r="L88" s="16">
        <v>35.4037247466932</v>
      </c>
      <c r="M88" s="16">
        <v>139.31400482312699</v>
      </c>
      <c r="N88" s="3" t="s">
        <v>524</v>
      </c>
      <c r="O88" s="57">
        <v>4000020142140</v>
      </c>
      <c r="P88" s="5" t="s">
        <v>521</v>
      </c>
      <c r="Q88" s="5" t="s">
        <v>486</v>
      </c>
      <c r="R88" s="40" t="s">
        <v>734</v>
      </c>
      <c r="S88" s="40" t="s">
        <v>735</v>
      </c>
      <c r="T88" s="11" t="s">
        <v>525</v>
      </c>
      <c r="U88" s="19" t="s">
        <v>736</v>
      </c>
      <c r="V88" s="3">
        <v>14</v>
      </c>
      <c r="W88" s="3">
        <v>1</v>
      </c>
      <c r="X88" s="3">
        <v>1</v>
      </c>
      <c r="Y88" s="3">
        <v>1</v>
      </c>
      <c r="Z88" s="11" t="s">
        <v>1079</v>
      </c>
      <c r="AA88" s="11" t="s">
        <v>526</v>
      </c>
      <c r="AB88" s="11" t="s">
        <v>1080</v>
      </c>
      <c r="AC88" s="11" t="s">
        <v>527</v>
      </c>
      <c r="AD88" s="4">
        <v>1</v>
      </c>
      <c r="AE88" s="4">
        <v>1</v>
      </c>
      <c r="AF88" s="4">
        <v>1</v>
      </c>
      <c r="AG88" s="4">
        <v>1</v>
      </c>
      <c r="AH88" s="4">
        <v>1</v>
      </c>
      <c r="AI88" s="4">
        <v>0</v>
      </c>
      <c r="AJ88" s="4">
        <v>1</v>
      </c>
      <c r="AK88" s="4">
        <v>1</v>
      </c>
      <c r="AL88" s="4">
        <v>29572</v>
      </c>
      <c r="AM88" s="11" t="s">
        <v>883</v>
      </c>
      <c r="AN88" s="54">
        <v>45065</v>
      </c>
    </row>
    <row r="89" spans="1:40" ht="43.2" x14ac:dyDescent="0.2">
      <c r="A89" s="3">
        <v>140007</v>
      </c>
      <c r="B89" s="3" t="s">
        <v>76</v>
      </c>
      <c r="C89" s="27" t="s">
        <v>429</v>
      </c>
      <c r="D89" s="25" t="s">
        <v>90</v>
      </c>
      <c r="E89" s="11" t="s">
        <v>59</v>
      </c>
      <c r="F89" s="3" t="s">
        <v>528</v>
      </c>
      <c r="G89" s="5"/>
      <c r="H89" s="4">
        <v>1512</v>
      </c>
      <c r="I89" s="13" t="s">
        <v>74</v>
      </c>
      <c r="J89" s="11" t="s">
        <v>914</v>
      </c>
      <c r="K89" s="11" t="s">
        <v>915</v>
      </c>
      <c r="L89" s="16"/>
      <c r="M89" s="16"/>
      <c r="N89" s="5" t="s">
        <v>529</v>
      </c>
      <c r="O89" s="59" t="s">
        <v>530</v>
      </c>
      <c r="P89" s="3" t="s">
        <v>629</v>
      </c>
      <c r="Q89" s="5" t="s">
        <v>487</v>
      </c>
      <c r="R89" s="12">
        <v>0.375</v>
      </c>
      <c r="S89" s="40">
        <v>0.875</v>
      </c>
      <c r="T89" s="11" t="s">
        <v>737</v>
      </c>
      <c r="U89" s="32" t="s">
        <v>448</v>
      </c>
      <c r="V89" s="5">
        <v>14</v>
      </c>
      <c r="W89" s="5">
        <v>1</v>
      </c>
      <c r="X89" s="5">
        <v>1</v>
      </c>
      <c r="Y89" s="5">
        <v>1</v>
      </c>
      <c r="Z89" s="11" t="s">
        <v>531</v>
      </c>
      <c r="AA89" s="11" t="s">
        <v>532</v>
      </c>
      <c r="AB89" s="11" t="s">
        <v>1081</v>
      </c>
      <c r="AC89" s="17" t="s">
        <v>945</v>
      </c>
      <c r="AD89" s="16">
        <v>1</v>
      </c>
      <c r="AE89" s="16">
        <v>1</v>
      </c>
      <c r="AF89" s="16">
        <v>1</v>
      </c>
      <c r="AG89" s="16">
        <v>1</v>
      </c>
      <c r="AH89" s="16">
        <v>1</v>
      </c>
      <c r="AI89" s="16">
        <v>1</v>
      </c>
      <c r="AJ89" s="16">
        <v>1</v>
      </c>
      <c r="AK89" s="16">
        <v>1</v>
      </c>
      <c r="AL89" s="4">
        <v>31196</v>
      </c>
      <c r="AM89" s="13"/>
      <c r="AN89" s="54">
        <v>45065</v>
      </c>
    </row>
    <row r="90" spans="1:40" ht="43.2" customHeight="1" x14ac:dyDescent="0.2">
      <c r="A90" s="3">
        <v>140007</v>
      </c>
      <c r="B90" s="3" t="s">
        <v>76</v>
      </c>
      <c r="C90" s="27" t="s">
        <v>430</v>
      </c>
      <c r="D90" s="25" t="s">
        <v>90</v>
      </c>
      <c r="E90" s="11" t="s">
        <v>60</v>
      </c>
      <c r="F90" s="3" t="s">
        <v>533</v>
      </c>
      <c r="G90" s="5"/>
      <c r="H90" s="4">
        <v>1512</v>
      </c>
      <c r="I90" s="13" t="s">
        <v>74</v>
      </c>
      <c r="J90" s="13" t="s">
        <v>252</v>
      </c>
      <c r="K90" s="11" t="s">
        <v>163</v>
      </c>
      <c r="L90" s="16"/>
      <c r="M90" s="16"/>
      <c r="N90" s="5" t="s">
        <v>534</v>
      </c>
      <c r="O90" s="59" t="s">
        <v>530</v>
      </c>
      <c r="P90" s="3" t="s">
        <v>629</v>
      </c>
      <c r="Q90" s="5" t="s">
        <v>487</v>
      </c>
      <c r="R90" s="12">
        <v>0.375</v>
      </c>
      <c r="S90" s="40">
        <v>0.875</v>
      </c>
      <c r="T90" s="11" t="s">
        <v>535</v>
      </c>
      <c r="U90" s="19" t="s">
        <v>448</v>
      </c>
      <c r="V90" s="5">
        <v>14</v>
      </c>
      <c r="W90" s="5">
        <v>1</v>
      </c>
      <c r="X90" s="5">
        <v>1</v>
      </c>
      <c r="Y90" s="5">
        <v>1</v>
      </c>
      <c r="Z90" s="11" t="s">
        <v>531</v>
      </c>
      <c r="AA90" s="11" t="s">
        <v>532</v>
      </c>
      <c r="AB90" s="11" t="s">
        <v>1082</v>
      </c>
      <c r="AC90" s="11" t="s">
        <v>280</v>
      </c>
      <c r="AD90" s="16">
        <v>1</v>
      </c>
      <c r="AE90" s="16">
        <v>1</v>
      </c>
      <c r="AF90" s="16">
        <v>1</v>
      </c>
      <c r="AG90" s="16">
        <v>1</v>
      </c>
      <c r="AH90" s="16">
        <v>1</v>
      </c>
      <c r="AI90" s="16">
        <v>1</v>
      </c>
      <c r="AJ90" s="16">
        <v>1</v>
      </c>
      <c r="AK90" s="16">
        <v>0</v>
      </c>
      <c r="AL90" s="4">
        <v>13868</v>
      </c>
      <c r="AM90" s="11" t="s">
        <v>897</v>
      </c>
      <c r="AN90" s="54">
        <v>45065</v>
      </c>
    </row>
    <row r="91" spans="1:40" ht="43.2" x14ac:dyDescent="0.2">
      <c r="A91" s="3">
        <v>140007</v>
      </c>
      <c r="B91" s="3" t="s">
        <v>76</v>
      </c>
      <c r="C91" s="27" t="s">
        <v>431</v>
      </c>
      <c r="D91" s="25" t="s">
        <v>91</v>
      </c>
      <c r="E91" s="11" t="s">
        <v>61</v>
      </c>
      <c r="F91" s="3" t="s">
        <v>462</v>
      </c>
      <c r="G91" s="5"/>
      <c r="H91" s="3">
        <v>1512</v>
      </c>
      <c r="I91" s="5" t="s">
        <v>74</v>
      </c>
      <c r="J91" s="5" t="s">
        <v>536</v>
      </c>
      <c r="K91" s="3" t="s">
        <v>537</v>
      </c>
      <c r="L91" s="5"/>
      <c r="M91" s="5"/>
      <c r="N91" s="5" t="s">
        <v>463</v>
      </c>
      <c r="O91" s="59" t="s">
        <v>538</v>
      </c>
      <c r="P91" s="5" t="s">
        <v>91</v>
      </c>
      <c r="Q91" s="5" t="s">
        <v>486</v>
      </c>
      <c r="R91" s="12">
        <v>0.375</v>
      </c>
      <c r="S91" s="40">
        <v>0.79166666666666663</v>
      </c>
      <c r="T91" s="11" t="s">
        <v>539</v>
      </c>
      <c r="U91" s="19" t="s">
        <v>540</v>
      </c>
      <c r="V91" s="5">
        <v>14</v>
      </c>
      <c r="W91" s="5">
        <v>1</v>
      </c>
      <c r="X91" s="5">
        <v>1</v>
      </c>
      <c r="Y91" s="5">
        <v>1</v>
      </c>
      <c r="Z91" s="11" t="s">
        <v>464</v>
      </c>
      <c r="AA91" s="11" t="s">
        <v>489</v>
      </c>
      <c r="AB91" s="11" t="s">
        <v>541</v>
      </c>
      <c r="AC91" s="11" t="s">
        <v>311</v>
      </c>
      <c r="AD91" s="16">
        <v>1</v>
      </c>
      <c r="AE91" s="16">
        <v>1</v>
      </c>
      <c r="AF91" s="16">
        <v>1</v>
      </c>
      <c r="AG91" s="16">
        <v>1</v>
      </c>
      <c r="AH91" s="16">
        <v>0</v>
      </c>
      <c r="AI91" s="16">
        <v>0</v>
      </c>
      <c r="AJ91" s="16">
        <v>1</v>
      </c>
      <c r="AK91" s="16">
        <v>1</v>
      </c>
      <c r="AL91" s="4" t="s">
        <v>490</v>
      </c>
      <c r="AM91" s="11" t="s">
        <v>493</v>
      </c>
      <c r="AN91" s="54">
        <v>43943</v>
      </c>
    </row>
    <row r="92" spans="1:40" ht="68.400000000000006" customHeight="1" x14ac:dyDescent="0.2">
      <c r="A92" s="3">
        <v>140007</v>
      </c>
      <c r="B92" s="3" t="s">
        <v>76</v>
      </c>
      <c r="C92" s="27" t="s">
        <v>432</v>
      </c>
      <c r="D92" s="25" t="s">
        <v>92</v>
      </c>
      <c r="E92" s="11" t="s">
        <v>62</v>
      </c>
      <c r="F92" s="3" t="s">
        <v>334</v>
      </c>
      <c r="G92" s="5"/>
      <c r="H92" s="3">
        <v>1512</v>
      </c>
      <c r="I92" s="5" t="s">
        <v>74</v>
      </c>
      <c r="J92" s="5" t="s">
        <v>253</v>
      </c>
      <c r="K92" s="3" t="s">
        <v>164</v>
      </c>
      <c r="L92" s="5"/>
      <c r="M92" s="5"/>
      <c r="N92" s="5" t="s">
        <v>738</v>
      </c>
      <c r="O92" s="59" t="s">
        <v>442</v>
      </c>
      <c r="P92" s="5" t="s">
        <v>92</v>
      </c>
      <c r="Q92" s="5" t="s">
        <v>486</v>
      </c>
      <c r="R92" s="12">
        <v>0.375</v>
      </c>
      <c r="S92" s="40">
        <v>0.75</v>
      </c>
      <c r="T92" s="11" t="s">
        <v>474</v>
      </c>
      <c r="U92" s="19" t="s">
        <v>739</v>
      </c>
      <c r="V92" s="5">
        <v>14</v>
      </c>
      <c r="W92" s="5">
        <v>1</v>
      </c>
      <c r="X92" s="5">
        <v>1</v>
      </c>
      <c r="Y92" s="5">
        <v>1</v>
      </c>
      <c r="Z92" s="11" t="s">
        <v>335</v>
      </c>
      <c r="AA92" s="11" t="s">
        <v>308</v>
      </c>
      <c r="AB92" s="11" t="s">
        <v>479</v>
      </c>
      <c r="AC92" s="11" t="s">
        <v>280</v>
      </c>
      <c r="AD92" s="16">
        <v>1</v>
      </c>
      <c r="AE92" s="16">
        <v>1</v>
      </c>
      <c r="AF92" s="16">
        <v>1</v>
      </c>
      <c r="AG92" s="16">
        <v>1</v>
      </c>
      <c r="AH92" s="16">
        <v>1</v>
      </c>
      <c r="AI92" s="16">
        <v>0</v>
      </c>
      <c r="AJ92" s="16">
        <v>1</v>
      </c>
      <c r="AK92" s="16">
        <v>1</v>
      </c>
      <c r="AL92" s="4">
        <v>26751</v>
      </c>
      <c r="AM92" s="13"/>
      <c r="AN92" s="54">
        <v>44701</v>
      </c>
    </row>
    <row r="93" spans="1:40" ht="87" thickBot="1" x14ac:dyDescent="0.25">
      <c r="A93" s="3">
        <v>140007</v>
      </c>
      <c r="B93" s="3" t="s">
        <v>76</v>
      </c>
      <c r="C93" s="27" t="s">
        <v>433</v>
      </c>
      <c r="D93" s="25" t="s">
        <v>93</v>
      </c>
      <c r="E93" s="11" t="s">
        <v>63</v>
      </c>
      <c r="F93" s="33" t="s">
        <v>630</v>
      </c>
      <c r="G93" s="5"/>
      <c r="H93" s="4">
        <v>1512</v>
      </c>
      <c r="I93" s="13" t="s">
        <v>74</v>
      </c>
      <c r="J93" s="11" t="s">
        <v>631</v>
      </c>
      <c r="K93" s="11" t="s">
        <v>504</v>
      </c>
      <c r="L93" s="36"/>
      <c r="M93" s="36"/>
      <c r="N93" s="34" t="s">
        <v>632</v>
      </c>
      <c r="O93" s="57">
        <v>3000020142182</v>
      </c>
      <c r="P93" s="5" t="s">
        <v>93</v>
      </c>
      <c r="Q93" s="5" t="s">
        <v>487</v>
      </c>
      <c r="R93" s="12">
        <v>0.375</v>
      </c>
      <c r="S93" s="40">
        <v>0.79166666666666663</v>
      </c>
      <c r="T93" s="11" t="s">
        <v>1083</v>
      </c>
      <c r="U93" s="19" t="s">
        <v>633</v>
      </c>
      <c r="V93" s="5">
        <v>14</v>
      </c>
      <c r="W93" s="34">
        <v>1</v>
      </c>
      <c r="X93" s="34">
        <v>1</v>
      </c>
      <c r="Y93" s="34">
        <v>1</v>
      </c>
      <c r="Z93" s="35" t="s">
        <v>336</v>
      </c>
      <c r="AA93" s="11" t="s">
        <v>308</v>
      </c>
      <c r="AB93" s="11" t="s">
        <v>946</v>
      </c>
      <c r="AC93" s="35" t="s">
        <v>280</v>
      </c>
      <c r="AD93" s="36">
        <v>1</v>
      </c>
      <c r="AE93" s="36">
        <v>1</v>
      </c>
      <c r="AF93" s="36">
        <v>1</v>
      </c>
      <c r="AG93" s="36">
        <v>1</v>
      </c>
      <c r="AH93" s="36">
        <v>0</v>
      </c>
      <c r="AI93" s="36">
        <v>0</v>
      </c>
      <c r="AJ93" s="36">
        <v>0</v>
      </c>
      <c r="AK93" s="36">
        <v>1</v>
      </c>
      <c r="AL93" s="4">
        <v>32485</v>
      </c>
      <c r="AM93" s="13"/>
      <c r="AN93" s="54">
        <v>45065</v>
      </c>
    </row>
    <row r="94" spans="1:40" ht="53.4" customHeight="1" thickBot="1" x14ac:dyDescent="0.25">
      <c r="A94" s="3">
        <v>140007</v>
      </c>
      <c r="B94" s="3" t="s">
        <v>76</v>
      </c>
      <c r="C94" s="27" t="s">
        <v>434</v>
      </c>
      <c r="D94" s="25" t="s">
        <v>94</v>
      </c>
      <c r="E94" s="11" t="s">
        <v>64</v>
      </c>
      <c r="F94" s="3" t="s">
        <v>740</v>
      </c>
      <c r="G94" s="5"/>
      <c r="H94" s="4">
        <v>1512</v>
      </c>
      <c r="I94" s="13" t="s">
        <v>74</v>
      </c>
      <c r="J94" s="13" t="s">
        <v>254</v>
      </c>
      <c r="K94" s="11" t="s">
        <v>165</v>
      </c>
      <c r="L94" s="16">
        <v>35.274079999999998</v>
      </c>
      <c r="M94" s="16">
        <v>139.57786100000001</v>
      </c>
      <c r="N94" s="5" t="s">
        <v>741</v>
      </c>
      <c r="O94" s="57">
        <v>5000020143014</v>
      </c>
      <c r="P94" s="5" t="s">
        <v>94</v>
      </c>
      <c r="Q94" s="5" t="s">
        <v>486</v>
      </c>
      <c r="R94" s="12">
        <v>0.375</v>
      </c>
      <c r="S94" s="40">
        <v>0.75</v>
      </c>
      <c r="T94" s="11" t="s">
        <v>884</v>
      </c>
      <c r="U94" s="32" t="s">
        <v>542</v>
      </c>
      <c r="V94" s="37">
        <v>14</v>
      </c>
      <c r="W94" s="3">
        <v>1</v>
      </c>
      <c r="X94" s="3">
        <v>1</v>
      </c>
      <c r="Y94" s="3">
        <v>1</v>
      </c>
      <c r="Z94" s="11" t="s">
        <v>337</v>
      </c>
      <c r="AA94" s="11" t="s">
        <v>308</v>
      </c>
      <c r="AB94" s="11" t="s">
        <v>1084</v>
      </c>
      <c r="AC94" s="11" t="s">
        <v>280</v>
      </c>
      <c r="AD94" s="36">
        <v>1</v>
      </c>
      <c r="AE94" s="36">
        <v>1</v>
      </c>
      <c r="AF94" s="36">
        <v>1</v>
      </c>
      <c r="AG94" s="36">
        <v>0</v>
      </c>
      <c r="AH94" s="36">
        <v>0</v>
      </c>
      <c r="AI94" s="36">
        <v>0</v>
      </c>
      <c r="AJ94" s="36">
        <v>1</v>
      </c>
      <c r="AK94" s="36">
        <v>1</v>
      </c>
      <c r="AL94" s="4">
        <v>19830</v>
      </c>
      <c r="AM94" s="11" t="s">
        <v>1085</v>
      </c>
      <c r="AN94" s="54">
        <v>45065</v>
      </c>
    </row>
    <row r="95" spans="1:40" ht="43.2" x14ac:dyDescent="0.2">
      <c r="A95" s="3">
        <v>140007</v>
      </c>
      <c r="B95" s="3" t="s">
        <v>76</v>
      </c>
      <c r="C95" s="27" t="s">
        <v>435</v>
      </c>
      <c r="D95" s="25" t="s">
        <v>95</v>
      </c>
      <c r="E95" s="11" t="s">
        <v>65</v>
      </c>
      <c r="F95" s="3" t="s">
        <v>742</v>
      </c>
      <c r="G95" s="5"/>
      <c r="H95" s="3">
        <v>1512</v>
      </c>
      <c r="I95" s="5" t="s">
        <v>74</v>
      </c>
      <c r="J95" s="5" t="s">
        <v>255</v>
      </c>
      <c r="K95" s="3" t="s">
        <v>166</v>
      </c>
      <c r="L95" s="38"/>
      <c r="M95" s="38"/>
      <c r="N95" s="5" t="s">
        <v>743</v>
      </c>
      <c r="O95" s="57">
        <v>3010001005556</v>
      </c>
      <c r="P95" s="5" t="s">
        <v>338</v>
      </c>
      <c r="Q95" s="5" t="s">
        <v>486</v>
      </c>
      <c r="R95" s="12">
        <v>0.375</v>
      </c>
      <c r="S95" s="40">
        <v>0.79166666666666663</v>
      </c>
      <c r="T95" s="11" t="s">
        <v>744</v>
      </c>
      <c r="U95" s="13" t="s">
        <v>180</v>
      </c>
      <c r="V95" s="5">
        <v>14</v>
      </c>
      <c r="W95" s="5">
        <v>1</v>
      </c>
      <c r="X95" s="5">
        <v>1</v>
      </c>
      <c r="Y95" s="5">
        <v>1</v>
      </c>
      <c r="Z95" s="11" t="s">
        <v>339</v>
      </c>
      <c r="AA95" s="11" t="s">
        <v>308</v>
      </c>
      <c r="AB95" s="11" t="s">
        <v>543</v>
      </c>
      <c r="AC95" s="11"/>
      <c r="AD95" s="16">
        <v>1</v>
      </c>
      <c r="AE95" s="16">
        <v>1</v>
      </c>
      <c r="AF95" s="16">
        <v>1</v>
      </c>
      <c r="AG95" s="16">
        <v>1</v>
      </c>
      <c r="AH95" s="16">
        <v>1</v>
      </c>
      <c r="AI95" s="16">
        <v>1</v>
      </c>
      <c r="AJ95" s="16">
        <v>1</v>
      </c>
      <c r="AK95" s="16">
        <v>1</v>
      </c>
      <c r="AL95" s="4">
        <v>15601</v>
      </c>
      <c r="AM95" s="11" t="s">
        <v>592</v>
      </c>
      <c r="AN95" s="54">
        <v>44701</v>
      </c>
    </row>
    <row r="96" spans="1:40" ht="38.4" customHeight="1" x14ac:dyDescent="0.2">
      <c r="A96" s="3">
        <v>140007</v>
      </c>
      <c r="B96" s="3" t="s">
        <v>76</v>
      </c>
      <c r="C96" s="27" t="s">
        <v>436</v>
      </c>
      <c r="D96" s="25" t="s">
        <v>96</v>
      </c>
      <c r="E96" s="11" t="s">
        <v>66</v>
      </c>
      <c r="F96" s="3" t="s">
        <v>898</v>
      </c>
      <c r="G96" s="5"/>
      <c r="H96" s="4">
        <v>1512</v>
      </c>
      <c r="I96" s="13" t="s">
        <v>74</v>
      </c>
      <c r="J96" s="13" t="s">
        <v>256</v>
      </c>
      <c r="K96" s="11" t="s">
        <v>167</v>
      </c>
      <c r="L96" s="16"/>
      <c r="M96" s="16"/>
      <c r="N96" s="5" t="s">
        <v>899</v>
      </c>
      <c r="O96" s="57">
        <v>2000020143413</v>
      </c>
      <c r="P96" s="5" t="s">
        <v>96</v>
      </c>
      <c r="Q96" s="5" t="s">
        <v>486</v>
      </c>
      <c r="R96" s="12">
        <v>0.375</v>
      </c>
      <c r="S96" s="40">
        <v>0.79166666666666663</v>
      </c>
      <c r="T96" s="11" t="s">
        <v>1086</v>
      </c>
      <c r="U96" s="19" t="s">
        <v>900</v>
      </c>
      <c r="V96" s="5">
        <v>14</v>
      </c>
      <c r="W96" s="5">
        <v>1</v>
      </c>
      <c r="X96" s="5">
        <v>1</v>
      </c>
      <c r="Y96" s="5">
        <v>1</v>
      </c>
      <c r="Z96" s="11" t="s">
        <v>340</v>
      </c>
      <c r="AA96" s="11" t="s">
        <v>308</v>
      </c>
      <c r="AB96" s="11" t="s">
        <v>1087</v>
      </c>
      <c r="AC96" s="11"/>
      <c r="AD96" s="16">
        <v>1</v>
      </c>
      <c r="AE96" s="16">
        <v>1</v>
      </c>
      <c r="AF96" s="16">
        <v>1</v>
      </c>
      <c r="AG96" s="16">
        <v>1</v>
      </c>
      <c r="AH96" s="16">
        <v>0</v>
      </c>
      <c r="AI96" s="16">
        <v>1</v>
      </c>
      <c r="AJ96" s="16">
        <v>1</v>
      </c>
      <c r="AK96" s="16">
        <v>1</v>
      </c>
      <c r="AL96" s="4">
        <v>12451</v>
      </c>
      <c r="AM96" s="11" t="s">
        <v>481</v>
      </c>
      <c r="AN96" s="54">
        <v>45065</v>
      </c>
    </row>
    <row r="97" spans="1:40" ht="43.2" x14ac:dyDescent="0.2">
      <c r="A97" s="3">
        <v>140007</v>
      </c>
      <c r="B97" s="3" t="s">
        <v>76</v>
      </c>
      <c r="C97" s="27" t="s">
        <v>437</v>
      </c>
      <c r="D97" s="25" t="s">
        <v>96</v>
      </c>
      <c r="E97" s="11" t="s">
        <v>901</v>
      </c>
      <c r="F97" s="3" t="s">
        <v>902</v>
      </c>
      <c r="G97" s="5"/>
      <c r="H97" s="4">
        <v>1512</v>
      </c>
      <c r="I97" s="13" t="s">
        <v>74</v>
      </c>
      <c r="J97" s="13" t="s">
        <v>257</v>
      </c>
      <c r="K97" s="11" t="s">
        <v>168</v>
      </c>
      <c r="L97" s="16"/>
      <c r="M97" s="16"/>
      <c r="N97" s="5" t="s">
        <v>903</v>
      </c>
      <c r="O97" s="57">
        <v>2000020143413</v>
      </c>
      <c r="P97" s="5" t="s">
        <v>96</v>
      </c>
      <c r="Q97" s="5" t="s">
        <v>486</v>
      </c>
      <c r="R97" s="12">
        <v>0.39583333333333331</v>
      </c>
      <c r="S97" s="40">
        <v>0.70833333333333337</v>
      </c>
      <c r="T97" s="11" t="s">
        <v>607</v>
      </c>
      <c r="U97" s="13"/>
      <c r="V97" s="5">
        <v>14</v>
      </c>
      <c r="W97" s="5">
        <v>1</v>
      </c>
      <c r="X97" s="5">
        <v>1</v>
      </c>
      <c r="Y97" s="5">
        <v>1</v>
      </c>
      <c r="Z97" s="11" t="s">
        <v>340</v>
      </c>
      <c r="AA97" s="11" t="s">
        <v>308</v>
      </c>
      <c r="AB97" s="11" t="s">
        <v>1088</v>
      </c>
      <c r="AC97" s="11"/>
      <c r="AD97" s="16">
        <v>1</v>
      </c>
      <c r="AE97" s="16">
        <v>1</v>
      </c>
      <c r="AF97" s="16">
        <v>1</v>
      </c>
      <c r="AG97" s="16">
        <v>0</v>
      </c>
      <c r="AH97" s="16">
        <v>0</v>
      </c>
      <c r="AI97" s="16">
        <v>0</v>
      </c>
      <c r="AJ97" s="16">
        <v>0</v>
      </c>
      <c r="AK97" s="16">
        <v>1</v>
      </c>
      <c r="AL97" s="4">
        <v>3826</v>
      </c>
      <c r="AM97" s="11" t="s">
        <v>482</v>
      </c>
      <c r="AN97" s="54">
        <v>45065</v>
      </c>
    </row>
    <row r="98" spans="1:40" ht="72" customHeight="1" x14ac:dyDescent="0.2">
      <c r="A98" s="3">
        <v>140007</v>
      </c>
      <c r="B98" s="3" t="s">
        <v>76</v>
      </c>
      <c r="C98" s="27" t="s">
        <v>438</v>
      </c>
      <c r="D98" s="25" t="s">
        <v>97</v>
      </c>
      <c r="E98" s="11" t="s">
        <v>67</v>
      </c>
      <c r="F98" s="3" t="s">
        <v>745</v>
      </c>
      <c r="G98" s="5"/>
      <c r="H98" s="4">
        <v>1512</v>
      </c>
      <c r="I98" s="13" t="s">
        <v>74</v>
      </c>
      <c r="J98" s="13" t="s">
        <v>258</v>
      </c>
      <c r="K98" s="11" t="s">
        <v>169</v>
      </c>
      <c r="L98" s="16"/>
      <c r="M98" s="16"/>
      <c r="N98" s="5" t="s">
        <v>746</v>
      </c>
      <c r="O98" s="57">
        <v>2000020143421</v>
      </c>
      <c r="P98" s="5" t="s">
        <v>97</v>
      </c>
      <c r="Q98" s="5" t="s">
        <v>486</v>
      </c>
      <c r="R98" s="12">
        <v>0.39583333333333331</v>
      </c>
      <c r="S98" s="40">
        <v>0.70833333333333337</v>
      </c>
      <c r="T98" s="11" t="s">
        <v>693</v>
      </c>
      <c r="U98" s="19" t="s">
        <v>747</v>
      </c>
      <c r="V98" s="5">
        <v>14</v>
      </c>
      <c r="W98" s="5">
        <v>1</v>
      </c>
      <c r="X98" s="5">
        <v>1</v>
      </c>
      <c r="Y98" s="5">
        <v>1</v>
      </c>
      <c r="Z98" s="11" t="s">
        <v>341</v>
      </c>
      <c r="AA98" s="11" t="s">
        <v>308</v>
      </c>
      <c r="AB98" s="11" t="s">
        <v>1089</v>
      </c>
      <c r="AC98" s="11" t="s">
        <v>748</v>
      </c>
      <c r="AD98" s="16">
        <v>1</v>
      </c>
      <c r="AE98" s="16">
        <v>0</v>
      </c>
      <c r="AF98" s="16">
        <v>1</v>
      </c>
      <c r="AG98" s="16">
        <v>1</v>
      </c>
      <c r="AH98" s="16">
        <v>0</v>
      </c>
      <c r="AI98" s="4">
        <v>0</v>
      </c>
      <c r="AJ98" s="16">
        <v>1</v>
      </c>
      <c r="AK98" s="16">
        <v>1</v>
      </c>
      <c r="AL98" s="4">
        <v>17569</v>
      </c>
      <c r="AM98" s="11" t="s">
        <v>947</v>
      </c>
      <c r="AN98" s="54">
        <v>45065</v>
      </c>
    </row>
    <row r="99" spans="1:40" ht="70.8" customHeight="1" x14ac:dyDescent="0.2">
      <c r="A99" s="3">
        <v>140007</v>
      </c>
      <c r="B99" s="3" t="s">
        <v>76</v>
      </c>
      <c r="C99" s="27" t="s">
        <v>439</v>
      </c>
      <c r="D99" s="25" t="s">
        <v>98</v>
      </c>
      <c r="E99" s="11" t="s">
        <v>749</v>
      </c>
      <c r="F99" s="3" t="s">
        <v>494</v>
      </c>
      <c r="G99" s="5"/>
      <c r="H99" s="4">
        <v>1307</v>
      </c>
      <c r="I99" s="13" t="s">
        <v>468</v>
      </c>
      <c r="J99" s="13" t="s">
        <v>750</v>
      </c>
      <c r="K99" s="11" t="s">
        <v>751</v>
      </c>
      <c r="L99" s="16">
        <v>35.338782999999999</v>
      </c>
      <c r="M99" s="16">
        <v>139.232201</v>
      </c>
      <c r="N99" s="5" t="s">
        <v>752</v>
      </c>
      <c r="O99" s="61">
        <v>4000020143618</v>
      </c>
      <c r="P99" s="5" t="s">
        <v>98</v>
      </c>
      <c r="Q99" s="5" t="s">
        <v>487</v>
      </c>
      <c r="R99" s="12">
        <v>0.375</v>
      </c>
      <c r="S99" s="40">
        <v>0.70833333333333337</v>
      </c>
      <c r="T99" s="11" t="s">
        <v>484</v>
      </c>
      <c r="U99" s="19" t="s">
        <v>753</v>
      </c>
      <c r="V99" s="5">
        <v>14</v>
      </c>
      <c r="W99" s="5">
        <v>1</v>
      </c>
      <c r="X99" s="5">
        <v>1</v>
      </c>
      <c r="Y99" s="5">
        <v>1</v>
      </c>
      <c r="Z99" s="11" t="s">
        <v>485</v>
      </c>
      <c r="AA99" s="11" t="s">
        <v>308</v>
      </c>
      <c r="AB99" s="11" t="s">
        <v>1090</v>
      </c>
      <c r="AC99" s="11"/>
      <c r="AD99" s="16">
        <v>1</v>
      </c>
      <c r="AE99" s="16">
        <v>0</v>
      </c>
      <c r="AF99" s="16">
        <v>1</v>
      </c>
      <c r="AG99" s="16">
        <v>1</v>
      </c>
      <c r="AH99" s="16">
        <v>0</v>
      </c>
      <c r="AI99" s="16">
        <v>0</v>
      </c>
      <c r="AJ99" s="16">
        <v>1</v>
      </c>
      <c r="AK99" s="16">
        <v>0</v>
      </c>
      <c r="AL99" s="4" t="s">
        <v>1109</v>
      </c>
      <c r="AM99" s="11"/>
      <c r="AN99" s="54">
        <v>45065</v>
      </c>
    </row>
    <row r="100" spans="1:40" ht="70.8" customHeight="1" x14ac:dyDescent="0.2">
      <c r="A100" s="3">
        <v>140007</v>
      </c>
      <c r="B100" s="3" t="s">
        <v>76</v>
      </c>
      <c r="C100" s="27" t="s">
        <v>598</v>
      </c>
      <c r="D100" s="25" t="s">
        <v>98</v>
      </c>
      <c r="E100" s="11" t="s">
        <v>593</v>
      </c>
      <c r="F100" s="3" t="s">
        <v>594</v>
      </c>
      <c r="G100" s="5"/>
      <c r="H100" s="16">
        <v>1305</v>
      </c>
      <c r="I100" s="13" t="s">
        <v>443</v>
      </c>
      <c r="J100" s="13" t="s">
        <v>595</v>
      </c>
      <c r="K100" s="11" t="s">
        <v>596</v>
      </c>
      <c r="L100" s="16">
        <v>35.195099999999996</v>
      </c>
      <c r="M100" s="16">
        <v>139.13079999999999</v>
      </c>
      <c r="N100" s="5" t="s">
        <v>634</v>
      </c>
      <c r="O100" s="61">
        <v>4000020143618</v>
      </c>
      <c r="P100" s="5" t="s">
        <v>98</v>
      </c>
      <c r="Q100" s="5" t="s">
        <v>487</v>
      </c>
      <c r="R100" s="12">
        <v>0.375</v>
      </c>
      <c r="S100" s="40">
        <v>0.70833333333333337</v>
      </c>
      <c r="T100" s="11" t="s">
        <v>597</v>
      </c>
      <c r="U100" s="19" t="s">
        <v>754</v>
      </c>
      <c r="V100" s="5">
        <v>14</v>
      </c>
      <c r="W100" s="5">
        <v>1</v>
      </c>
      <c r="X100" s="5">
        <v>1</v>
      </c>
      <c r="Y100" s="5">
        <v>1</v>
      </c>
      <c r="Z100" s="11" t="s">
        <v>485</v>
      </c>
      <c r="AA100" s="11" t="s">
        <v>308</v>
      </c>
      <c r="AB100" s="11" t="s">
        <v>1091</v>
      </c>
      <c r="AC100" s="11"/>
      <c r="AD100" s="16">
        <v>1</v>
      </c>
      <c r="AE100" s="16">
        <v>0</v>
      </c>
      <c r="AF100" s="16">
        <v>0</v>
      </c>
      <c r="AG100" s="16">
        <v>0</v>
      </c>
      <c r="AH100" s="16">
        <v>0</v>
      </c>
      <c r="AI100" s="16">
        <v>0</v>
      </c>
      <c r="AJ100" s="16">
        <v>0</v>
      </c>
      <c r="AK100" s="16">
        <v>0</v>
      </c>
      <c r="AL100" s="4" t="s">
        <v>1092</v>
      </c>
      <c r="AM100" s="11"/>
      <c r="AN100" s="54">
        <v>45065</v>
      </c>
    </row>
    <row r="101" spans="1:40" ht="70.8" customHeight="1" x14ac:dyDescent="0.2">
      <c r="A101" s="3">
        <v>140007</v>
      </c>
      <c r="B101" s="3" t="s">
        <v>76</v>
      </c>
      <c r="C101" s="27" t="s">
        <v>880</v>
      </c>
      <c r="D101" s="25" t="s">
        <v>99</v>
      </c>
      <c r="E101" s="11" t="s">
        <v>68</v>
      </c>
      <c r="F101" s="3" t="s">
        <v>444</v>
      </c>
      <c r="G101" s="5"/>
      <c r="H101" s="4">
        <v>1512</v>
      </c>
      <c r="I101" s="13" t="s">
        <v>74</v>
      </c>
      <c r="J101" s="13" t="s">
        <v>259</v>
      </c>
      <c r="K101" s="11" t="s">
        <v>170</v>
      </c>
      <c r="L101" s="16"/>
      <c r="M101" s="16"/>
      <c r="N101" s="53" t="s">
        <v>904</v>
      </c>
      <c r="O101" s="57">
        <v>4000020143626</v>
      </c>
      <c r="P101" s="5" t="s">
        <v>99</v>
      </c>
      <c r="Q101" s="5" t="s">
        <v>487</v>
      </c>
      <c r="R101" s="12">
        <v>0.375</v>
      </c>
      <c r="S101" s="40">
        <v>0.71875</v>
      </c>
      <c r="T101" s="11" t="s">
        <v>1093</v>
      </c>
      <c r="U101" s="13" t="s">
        <v>181</v>
      </c>
      <c r="V101" s="5">
        <v>14</v>
      </c>
      <c r="W101" s="5">
        <v>1</v>
      </c>
      <c r="X101" s="5">
        <v>1</v>
      </c>
      <c r="Y101" s="5">
        <v>1</v>
      </c>
      <c r="Z101" s="11" t="s">
        <v>446</v>
      </c>
      <c r="AA101" s="11"/>
      <c r="AB101" s="11" t="s">
        <v>1094</v>
      </c>
      <c r="AC101" s="11">
        <v>0</v>
      </c>
      <c r="AD101" s="16">
        <v>1</v>
      </c>
      <c r="AE101" s="16">
        <v>0</v>
      </c>
      <c r="AF101" s="16">
        <v>1</v>
      </c>
      <c r="AG101" s="16">
        <v>1</v>
      </c>
      <c r="AH101" s="16">
        <v>0</v>
      </c>
      <c r="AI101" s="16">
        <v>0</v>
      </c>
      <c r="AJ101" s="16">
        <v>1</v>
      </c>
      <c r="AK101" s="16">
        <v>1</v>
      </c>
      <c r="AL101" s="4">
        <v>6273</v>
      </c>
      <c r="AM101" s="13"/>
      <c r="AN101" s="54">
        <v>45065</v>
      </c>
    </row>
    <row r="102" spans="1:40" ht="70.8" customHeight="1" x14ac:dyDescent="0.2">
      <c r="A102" s="3">
        <v>140007</v>
      </c>
      <c r="B102" s="3" t="s">
        <v>76</v>
      </c>
      <c r="C102" s="27" t="s">
        <v>599</v>
      </c>
      <c r="D102" s="25" t="s">
        <v>99</v>
      </c>
      <c r="E102" s="11" t="s">
        <v>469</v>
      </c>
      <c r="F102" s="3" t="s">
        <v>445</v>
      </c>
      <c r="G102" s="5"/>
      <c r="H102" s="4">
        <v>1305</v>
      </c>
      <c r="I102" s="13" t="s">
        <v>443</v>
      </c>
      <c r="J102" s="13" t="s">
        <v>260</v>
      </c>
      <c r="K102" s="11" t="s">
        <v>171</v>
      </c>
      <c r="L102" s="16"/>
      <c r="M102" s="16"/>
      <c r="N102" s="53" t="s">
        <v>905</v>
      </c>
      <c r="O102" s="57">
        <v>4000020143626</v>
      </c>
      <c r="P102" s="5" t="s">
        <v>99</v>
      </c>
      <c r="Q102" s="5" t="s">
        <v>487</v>
      </c>
      <c r="R102" s="12">
        <v>0.375</v>
      </c>
      <c r="S102" s="40">
        <v>0.71875</v>
      </c>
      <c r="T102" s="11" t="s">
        <v>475</v>
      </c>
      <c r="U102" s="13"/>
      <c r="V102" s="5">
        <v>14</v>
      </c>
      <c r="W102" s="5">
        <v>1</v>
      </c>
      <c r="X102" s="5">
        <v>1</v>
      </c>
      <c r="Y102" s="5">
        <v>1</v>
      </c>
      <c r="Z102" s="11" t="s">
        <v>447</v>
      </c>
      <c r="AA102" s="11"/>
      <c r="AB102" s="11" t="s">
        <v>1095</v>
      </c>
      <c r="AC102" s="11">
        <v>0</v>
      </c>
      <c r="AD102" s="16">
        <v>1</v>
      </c>
      <c r="AE102" s="16">
        <v>0</v>
      </c>
      <c r="AF102" s="16">
        <v>1</v>
      </c>
      <c r="AG102" s="16">
        <v>1</v>
      </c>
      <c r="AH102" s="16">
        <v>0</v>
      </c>
      <c r="AI102" s="16">
        <v>0</v>
      </c>
      <c r="AJ102" s="16">
        <v>0</v>
      </c>
      <c r="AK102" s="16">
        <v>1</v>
      </c>
      <c r="AL102" s="4">
        <v>1502</v>
      </c>
      <c r="AM102" s="13"/>
      <c r="AN102" s="54">
        <v>45065</v>
      </c>
    </row>
    <row r="103" spans="1:40" ht="70.8" customHeight="1" x14ac:dyDescent="0.2">
      <c r="A103" s="3">
        <v>140007</v>
      </c>
      <c r="B103" s="3" t="s">
        <v>76</v>
      </c>
      <c r="C103" s="27" t="s">
        <v>755</v>
      </c>
      <c r="D103" s="25" t="s">
        <v>100</v>
      </c>
      <c r="E103" s="11" t="s">
        <v>69</v>
      </c>
      <c r="F103" s="3" t="s">
        <v>756</v>
      </c>
      <c r="G103" s="5"/>
      <c r="H103" s="4">
        <v>1512</v>
      </c>
      <c r="I103" s="13" t="s">
        <v>74</v>
      </c>
      <c r="J103" s="13" t="s">
        <v>261</v>
      </c>
      <c r="K103" s="11" t="s">
        <v>172</v>
      </c>
      <c r="L103" s="16"/>
      <c r="M103" s="16"/>
      <c r="N103" s="5" t="s">
        <v>757</v>
      </c>
      <c r="O103" s="57">
        <v>4000020143634</v>
      </c>
      <c r="P103" s="5" t="s">
        <v>100</v>
      </c>
      <c r="Q103" s="5" t="s">
        <v>486</v>
      </c>
      <c r="R103" s="12">
        <v>0.39583333333333331</v>
      </c>
      <c r="S103" s="40">
        <v>0.70833333333333337</v>
      </c>
      <c r="T103" s="11" t="s">
        <v>635</v>
      </c>
      <c r="U103" s="13" t="s">
        <v>758</v>
      </c>
      <c r="V103" s="5">
        <v>14</v>
      </c>
      <c r="W103" s="5">
        <v>1</v>
      </c>
      <c r="X103" s="5">
        <v>1</v>
      </c>
      <c r="Y103" s="5">
        <v>1</v>
      </c>
      <c r="Z103" s="11" t="s">
        <v>497</v>
      </c>
      <c r="AA103" s="11" t="s">
        <v>308</v>
      </c>
      <c r="AB103" s="11" t="s">
        <v>1096</v>
      </c>
      <c r="AC103" s="11" t="s">
        <v>280</v>
      </c>
      <c r="AD103" s="16">
        <v>1</v>
      </c>
      <c r="AE103" s="16">
        <v>0</v>
      </c>
      <c r="AF103" s="16">
        <v>1</v>
      </c>
      <c r="AG103" s="16">
        <v>0</v>
      </c>
      <c r="AH103" s="16">
        <v>0</v>
      </c>
      <c r="AI103" s="16">
        <v>1</v>
      </c>
      <c r="AJ103" s="16">
        <v>1</v>
      </c>
      <c r="AK103" s="16">
        <v>1</v>
      </c>
      <c r="AL103" s="4">
        <v>23332</v>
      </c>
      <c r="AM103" s="14" t="s">
        <v>759</v>
      </c>
      <c r="AN103" s="54">
        <v>45065</v>
      </c>
    </row>
    <row r="104" spans="1:40" ht="70.8" customHeight="1" x14ac:dyDescent="0.2">
      <c r="A104" s="3">
        <v>140007</v>
      </c>
      <c r="B104" s="3" t="s">
        <v>76</v>
      </c>
      <c r="C104" s="27" t="s">
        <v>760</v>
      </c>
      <c r="D104" s="25" t="s">
        <v>101</v>
      </c>
      <c r="E104" s="11" t="s">
        <v>761</v>
      </c>
      <c r="F104" s="3" t="s">
        <v>636</v>
      </c>
      <c r="G104" s="5"/>
      <c r="H104" s="4">
        <v>1599</v>
      </c>
      <c r="I104" s="13" t="s">
        <v>470</v>
      </c>
      <c r="J104" s="13" t="s">
        <v>262</v>
      </c>
      <c r="K104" s="11" t="s">
        <v>173</v>
      </c>
      <c r="L104" s="16"/>
      <c r="M104" s="16"/>
      <c r="N104" s="5" t="s">
        <v>762</v>
      </c>
      <c r="O104" s="57">
        <v>4000020143642</v>
      </c>
      <c r="P104" s="5" t="s">
        <v>101</v>
      </c>
      <c r="Q104" s="5" t="s">
        <v>486</v>
      </c>
      <c r="R104" s="12">
        <v>0.375</v>
      </c>
      <c r="S104" s="40">
        <v>0.71875</v>
      </c>
      <c r="T104" s="11" t="s">
        <v>763</v>
      </c>
      <c r="U104" s="13" t="s">
        <v>1097</v>
      </c>
      <c r="V104" s="3" t="s">
        <v>916</v>
      </c>
      <c r="W104" s="5">
        <v>1</v>
      </c>
      <c r="X104" s="5">
        <v>1</v>
      </c>
      <c r="Y104" s="5">
        <v>1</v>
      </c>
      <c r="Z104" s="11" t="s">
        <v>948</v>
      </c>
      <c r="AA104" s="11" t="s">
        <v>906</v>
      </c>
      <c r="AB104" s="11" t="s">
        <v>1098</v>
      </c>
      <c r="AC104" s="11" t="s">
        <v>280</v>
      </c>
      <c r="AD104" s="16">
        <v>1</v>
      </c>
      <c r="AE104" s="16">
        <v>0</v>
      </c>
      <c r="AF104" s="16">
        <v>1</v>
      </c>
      <c r="AG104" s="16">
        <v>1</v>
      </c>
      <c r="AH104" s="16">
        <v>0</v>
      </c>
      <c r="AI104" s="16">
        <v>1</v>
      </c>
      <c r="AJ104" s="16">
        <v>1</v>
      </c>
      <c r="AK104" s="16">
        <v>1</v>
      </c>
      <c r="AL104" s="4">
        <v>8735</v>
      </c>
      <c r="AM104" s="11" t="s">
        <v>949</v>
      </c>
      <c r="AN104" s="54">
        <v>45065</v>
      </c>
    </row>
    <row r="105" spans="1:40" ht="66.599999999999994" customHeight="1" x14ac:dyDescent="0.2">
      <c r="A105" s="3">
        <v>140007</v>
      </c>
      <c r="B105" s="3" t="s">
        <v>76</v>
      </c>
      <c r="C105" s="27" t="s">
        <v>600</v>
      </c>
      <c r="D105" s="25" t="s">
        <v>102</v>
      </c>
      <c r="E105" s="11" t="s">
        <v>465</v>
      </c>
      <c r="F105" s="3" t="s">
        <v>345</v>
      </c>
      <c r="G105" s="5"/>
      <c r="H105" s="3">
        <v>1305</v>
      </c>
      <c r="I105" s="5" t="s">
        <v>443</v>
      </c>
      <c r="J105" s="5" t="s">
        <v>544</v>
      </c>
      <c r="K105" s="3" t="s">
        <v>174</v>
      </c>
      <c r="L105" s="5"/>
      <c r="M105" s="5"/>
      <c r="N105" s="5" t="s">
        <v>637</v>
      </c>
      <c r="O105" s="57">
        <v>2000020143669</v>
      </c>
      <c r="P105" s="5" t="s">
        <v>102</v>
      </c>
      <c r="Q105" s="5" t="s">
        <v>486</v>
      </c>
      <c r="R105" s="12">
        <v>0.41666666666666669</v>
      </c>
      <c r="S105" s="40">
        <v>0.85416666666666663</v>
      </c>
      <c r="T105" s="11" t="s">
        <v>950</v>
      </c>
      <c r="U105" s="19" t="s">
        <v>638</v>
      </c>
      <c r="V105" s="5">
        <v>14</v>
      </c>
      <c r="W105" s="5">
        <v>0</v>
      </c>
      <c r="X105" s="5">
        <v>1</v>
      </c>
      <c r="Y105" s="5">
        <v>1</v>
      </c>
      <c r="Z105" s="11" t="s">
        <v>346</v>
      </c>
      <c r="AA105" s="11"/>
      <c r="AB105" s="11" t="s">
        <v>885</v>
      </c>
      <c r="AC105" s="11"/>
      <c r="AD105" s="16">
        <v>1</v>
      </c>
      <c r="AE105" s="16">
        <v>0</v>
      </c>
      <c r="AF105" s="16">
        <v>0</v>
      </c>
      <c r="AG105" s="16">
        <v>0</v>
      </c>
      <c r="AH105" s="16">
        <v>0</v>
      </c>
      <c r="AI105" s="16">
        <v>0</v>
      </c>
      <c r="AJ105" s="16">
        <v>1</v>
      </c>
      <c r="AK105" s="16">
        <v>0</v>
      </c>
      <c r="AL105" s="4">
        <v>5848</v>
      </c>
      <c r="AM105" s="11" t="s">
        <v>951</v>
      </c>
      <c r="AN105" s="54">
        <v>44336</v>
      </c>
    </row>
    <row r="106" spans="1:40" ht="60.6" customHeight="1" x14ac:dyDescent="0.2">
      <c r="A106" s="3">
        <v>140007</v>
      </c>
      <c r="B106" s="3" t="s">
        <v>76</v>
      </c>
      <c r="C106" s="27" t="s">
        <v>764</v>
      </c>
      <c r="D106" s="25" t="s">
        <v>103</v>
      </c>
      <c r="E106" s="11" t="s">
        <v>765</v>
      </c>
      <c r="F106" s="3" t="s">
        <v>766</v>
      </c>
      <c r="G106" s="5"/>
      <c r="H106" s="4">
        <v>1599</v>
      </c>
      <c r="I106" s="13" t="s">
        <v>470</v>
      </c>
      <c r="J106" s="13" t="s">
        <v>263</v>
      </c>
      <c r="K106" s="11" t="s">
        <v>175</v>
      </c>
      <c r="L106" s="16"/>
      <c r="M106" s="16"/>
      <c r="N106" s="5" t="s">
        <v>767</v>
      </c>
      <c r="O106" s="57">
        <v>7000020143821</v>
      </c>
      <c r="P106" s="5" t="s">
        <v>103</v>
      </c>
      <c r="Q106" s="5" t="s">
        <v>486</v>
      </c>
      <c r="R106" s="12">
        <v>0.375</v>
      </c>
      <c r="S106" s="40">
        <v>0.70833333333333337</v>
      </c>
      <c r="T106" s="11" t="s">
        <v>1099</v>
      </c>
      <c r="U106" s="19" t="s">
        <v>768</v>
      </c>
      <c r="V106" s="5">
        <v>14</v>
      </c>
      <c r="W106" s="5">
        <v>1</v>
      </c>
      <c r="X106" s="5">
        <v>1</v>
      </c>
      <c r="Y106" s="5">
        <v>1</v>
      </c>
      <c r="Z106" s="11" t="s">
        <v>920</v>
      </c>
      <c r="AA106" s="11" t="s">
        <v>308</v>
      </c>
      <c r="AB106" s="11" t="s">
        <v>1100</v>
      </c>
      <c r="AC106" s="11" t="s">
        <v>280</v>
      </c>
      <c r="AD106" s="16">
        <v>0</v>
      </c>
      <c r="AE106" s="16">
        <v>0</v>
      </c>
      <c r="AF106" s="16">
        <v>1</v>
      </c>
      <c r="AG106" s="16">
        <v>1</v>
      </c>
      <c r="AH106" s="16">
        <v>0</v>
      </c>
      <c r="AI106" s="16">
        <v>1</v>
      </c>
      <c r="AJ106" s="16">
        <v>0</v>
      </c>
      <c r="AK106" s="16">
        <v>0</v>
      </c>
      <c r="AL106" s="4">
        <v>9879</v>
      </c>
      <c r="AM106" s="13"/>
      <c r="AN106" s="54">
        <v>45065</v>
      </c>
    </row>
    <row r="107" spans="1:40" ht="72" x14ac:dyDescent="0.2">
      <c r="A107" s="3">
        <v>140007</v>
      </c>
      <c r="B107" s="3" t="s">
        <v>76</v>
      </c>
      <c r="C107" s="27" t="s">
        <v>601</v>
      </c>
      <c r="D107" s="25" t="s">
        <v>104</v>
      </c>
      <c r="E107" s="11" t="s">
        <v>70</v>
      </c>
      <c r="F107" s="3" t="s">
        <v>545</v>
      </c>
      <c r="G107" s="5"/>
      <c r="H107" s="4">
        <v>1512</v>
      </c>
      <c r="I107" s="13" t="s">
        <v>74</v>
      </c>
      <c r="J107" s="13" t="s">
        <v>264</v>
      </c>
      <c r="K107" s="13" t="s">
        <v>176</v>
      </c>
      <c r="L107" s="4">
        <v>139.13570000000001</v>
      </c>
      <c r="M107" s="16">
        <v>35.155999999999999</v>
      </c>
      <c r="N107" s="5" t="s">
        <v>546</v>
      </c>
      <c r="O107" s="57">
        <v>6000020143839</v>
      </c>
      <c r="P107" s="5" t="s">
        <v>104</v>
      </c>
      <c r="Q107" s="5" t="s">
        <v>486</v>
      </c>
      <c r="R107" s="12">
        <v>0.39583333333333331</v>
      </c>
      <c r="S107" s="12">
        <v>0.75</v>
      </c>
      <c r="T107" s="3" t="s">
        <v>547</v>
      </c>
      <c r="U107" s="5" t="s">
        <v>182</v>
      </c>
      <c r="V107" s="3" t="s">
        <v>548</v>
      </c>
      <c r="W107" s="5">
        <v>1</v>
      </c>
      <c r="X107" s="5">
        <v>1</v>
      </c>
      <c r="Y107" s="5">
        <v>1</v>
      </c>
      <c r="Z107" s="3" t="s">
        <v>441</v>
      </c>
      <c r="AA107" s="3" t="s">
        <v>449</v>
      </c>
      <c r="AB107" s="3" t="s">
        <v>1101</v>
      </c>
      <c r="AC107" s="5" t="s">
        <v>280</v>
      </c>
      <c r="AD107" s="5">
        <v>1</v>
      </c>
      <c r="AE107" s="5">
        <v>1</v>
      </c>
      <c r="AF107" s="5">
        <v>1</v>
      </c>
      <c r="AG107" s="5">
        <v>1</v>
      </c>
      <c r="AH107" s="5">
        <v>0</v>
      </c>
      <c r="AI107" s="5">
        <v>0</v>
      </c>
      <c r="AJ107" s="5">
        <v>1</v>
      </c>
      <c r="AK107" s="5">
        <v>1</v>
      </c>
      <c r="AL107" s="4">
        <v>4443</v>
      </c>
      <c r="AM107" s="5"/>
      <c r="AN107" s="54">
        <v>45065</v>
      </c>
    </row>
    <row r="108" spans="1:40" ht="86.4" x14ac:dyDescent="0.2">
      <c r="A108" s="39">
        <v>140007</v>
      </c>
      <c r="B108" s="39" t="s">
        <v>76</v>
      </c>
      <c r="C108" s="27" t="s">
        <v>640</v>
      </c>
      <c r="D108" s="25" t="s">
        <v>105</v>
      </c>
      <c r="E108" s="11" t="s">
        <v>71</v>
      </c>
      <c r="F108" s="3" t="s">
        <v>342</v>
      </c>
      <c r="G108" s="5"/>
      <c r="H108" s="3">
        <v>1512</v>
      </c>
      <c r="I108" s="5" t="s">
        <v>74</v>
      </c>
      <c r="J108" s="5" t="s">
        <v>265</v>
      </c>
      <c r="K108" s="3" t="s">
        <v>177</v>
      </c>
      <c r="L108" s="5">
        <v>35.145505999999997</v>
      </c>
      <c r="M108" s="5">
        <v>139.10345100000001</v>
      </c>
      <c r="N108" s="5" t="s">
        <v>343</v>
      </c>
      <c r="O108" s="57">
        <v>6000020143847</v>
      </c>
      <c r="P108" s="5" t="s">
        <v>105</v>
      </c>
      <c r="Q108" s="5" t="s">
        <v>486</v>
      </c>
      <c r="R108" s="12">
        <v>0.39583333333333331</v>
      </c>
      <c r="S108" s="40">
        <v>0.75</v>
      </c>
      <c r="T108" s="11" t="s">
        <v>641</v>
      </c>
      <c r="U108" s="19" t="s">
        <v>952</v>
      </c>
      <c r="V108" s="3" t="s">
        <v>642</v>
      </c>
      <c r="W108" s="5">
        <v>1</v>
      </c>
      <c r="X108" s="5">
        <v>1</v>
      </c>
      <c r="Y108" s="5">
        <v>1</v>
      </c>
      <c r="Z108" s="11" t="s">
        <v>953</v>
      </c>
      <c r="AA108" s="11" t="s">
        <v>308</v>
      </c>
      <c r="AB108" s="11" t="s">
        <v>917</v>
      </c>
      <c r="AC108" s="11" t="s">
        <v>311</v>
      </c>
      <c r="AD108" s="16">
        <v>1</v>
      </c>
      <c r="AE108" s="16">
        <v>1</v>
      </c>
      <c r="AF108" s="16">
        <v>1</v>
      </c>
      <c r="AG108" s="16">
        <v>1</v>
      </c>
      <c r="AH108" s="16">
        <v>1</v>
      </c>
      <c r="AI108" s="16">
        <v>0</v>
      </c>
      <c r="AJ108" s="16">
        <v>1</v>
      </c>
      <c r="AK108" s="16">
        <v>1</v>
      </c>
      <c r="AL108" s="4">
        <v>10727</v>
      </c>
      <c r="AM108" s="13"/>
      <c r="AN108" s="54">
        <v>44701</v>
      </c>
    </row>
    <row r="109" spans="1:40" ht="56.4" customHeight="1" x14ac:dyDescent="0.2">
      <c r="A109" s="3">
        <v>140007</v>
      </c>
      <c r="B109" s="3" t="s">
        <v>76</v>
      </c>
      <c r="C109" s="27" t="s">
        <v>854</v>
      </c>
      <c r="D109" s="25" t="s">
        <v>106</v>
      </c>
      <c r="E109" s="11" t="s">
        <v>72</v>
      </c>
      <c r="F109" s="3" t="s">
        <v>855</v>
      </c>
      <c r="G109" s="5"/>
      <c r="H109" s="3">
        <v>1512</v>
      </c>
      <c r="I109" s="5" t="s">
        <v>74</v>
      </c>
      <c r="J109" s="5" t="s">
        <v>856</v>
      </c>
      <c r="K109" s="3" t="s">
        <v>178</v>
      </c>
      <c r="L109" s="5"/>
      <c r="M109" s="5"/>
      <c r="N109" s="5" t="s">
        <v>857</v>
      </c>
      <c r="O109" s="57">
        <v>6000020144011</v>
      </c>
      <c r="P109" s="5" t="s">
        <v>106</v>
      </c>
      <c r="Q109" s="5" t="s">
        <v>488</v>
      </c>
      <c r="R109" s="12">
        <v>0.39583333333333331</v>
      </c>
      <c r="S109" s="40">
        <v>0.75</v>
      </c>
      <c r="T109" s="11" t="s">
        <v>858</v>
      </c>
      <c r="U109" s="13" t="s">
        <v>183</v>
      </c>
      <c r="V109" s="3" t="s">
        <v>954</v>
      </c>
      <c r="W109" s="5">
        <v>1</v>
      </c>
      <c r="X109" s="5">
        <v>1</v>
      </c>
      <c r="Y109" s="5">
        <v>1</v>
      </c>
      <c r="Z109" s="11" t="s">
        <v>440</v>
      </c>
      <c r="AA109" s="11" t="s">
        <v>308</v>
      </c>
      <c r="AB109" s="11" t="s">
        <v>918</v>
      </c>
      <c r="AC109" s="11" t="s">
        <v>280</v>
      </c>
      <c r="AD109" s="16">
        <v>1</v>
      </c>
      <c r="AE109" s="16">
        <v>0</v>
      </c>
      <c r="AF109" s="16">
        <v>1</v>
      </c>
      <c r="AG109" s="16">
        <v>1</v>
      </c>
      <c r="AH109" s="16">
        <v>1</v>
      </c>
      <c r="AI109" s="16">
        <v>1</v>
      </c>
      <c r="AJ109" s="16">
        <v>1</v>
      </c>
      <c r="AK109" s="16">
        <v>1</v>
      </c>
      <c r="AL109" s="4">
        <v>9379</v>
      </c>
      <c r="AM109" s="13"/>
      <c r="AN109" s="54">
        <v>44701</v>
      </c>
    </row>
    <row r="110" spans="1:40" ht="64.8" customHeight="1" x14ac:dyDescent="0.2">
      <c r="A110" s="3">
        <v>140007</v>
      </c>
      <c r="B110" s="3" t="s">
        <v>76</v>
      </c>
      <c r="C110" s="27" t="s">
        <v>602</v>
      </c>
      <c r="D110" s="25" t="s">
        <v>107</v>
      </c>
      <c r="E110" s="11" t="s">
        <v>73</v>
      </c>
      <c r="F110" s="3" t="s">
        <v>503</v>
      </c>
      <c r="G110" s="5"/>
      <c r="H110" s="3">
        <v>1512</v>
      </c>
      <c r="I110" s="5" t="s">
        <v>74</v>
      </c>
      <c r="J110" s="5" t="s">
        <v>266</v>
      </c>
      <c r="K110" s="3" t="s">
        <v>179</v>
      </c>
      <c r="L110" s="5"/>
      <c r="M110" s="5"/>
      <c r="N110" s="5" t="s">
        <v>639</v>
      </c>
      <c r="O110" s="57">
        <v>5000020144029</v>
      </c>
      <c r="P110" s="5" t="s">
        <v>107</v>
      </c>
      <c r="Q110" s="5" t="s">
        <v>499</v>
      </c>
      <c r="R110" s="12">
        <v>0.375</v>
      </c>
      <c r="S110" s="40">
        <v>0.75</v>
      </c>
      <c r="T110" s="11" t="s">
        <v>500</v>
      </c>
      <c r="U110" s="19" t="s">
        <v>501</v>
      </c>
      <c r="V110" s="13"/>
      <c r="W110" s="13"/>
      <c r="X110" s="13"/>
      <c r="Y110" s="13"/>
      <c r="Z110" s="11"/>
      <c r="AA110" s="11"/>
      <c r="AB110" s="11" t="s">
        <v>502</v>
      </c>
      <c r="AC110" s="11"/>
      <c r="AD110" s="5"/>
      <c r="AE110" s="5"/>
      <c r="AF110" s="5"/>
      <c r="AG110" s="5"/>
      <c r="AH110" s="5"/>
      <c r="AI110" s="5"/>
      <c r="AJ110" s="5"/>
      <c r="AK110" s="5"/>
      <c r="AL110" s="16"/>
      <c r="AM110" s="13"/>
      <c r="AN110" s="54">
        <v>44336</v>
      </c>
    </row>
  </sheetData>
  <autoFilter ref="A1:AN110"/>
  <phoneticPr fontId="2"/>
  <hyperlinks>
    <hyperlink ref="U91" r:id="rId1"/>
    <hyperlink ref="U105" r:id="rId2"/>
    <hyperlink ref="U110" r:id="rId3"/>
    <hyperlink ref="U66" r:id="rId4"/>
    <hyperlink ref="U67" r:id="rId5"/>
    <hyperlink ref="U92" r:id="rId6"/>
    <hyperlink ref="U108" r:id="rId7" display="https://www.town.yugawara.kanagawa.jp/soshiki/30/1821.html_x000a_"/>
    <hyperlink ref="U3" r:id="rId8" display="http://www.klnet.pref.kanagawa.jp"/>
    <hyperlink ref="U4" r:id="rId9"/>
    <hyperlink ref="U8" r:id="rId10"/>
    <hyperlink ref="U27" display="https://www.library.city.kawasaki.jp/"/>
    <hyperlink ref="U22" display="https://www.library.city.kawasaki.jp/lib01.shtml"/>
    <hyperlink ref="U31" display="https://www.library.city.kawasaki.jp/lib10.shtml"/>
    <hyperlink ref="U36:U37" r:id="rId11" display="https://www.lib.sagamihara.kanagawa.jp/TOSHOW/asp/index.aspx"/>
    <hyperlink ref="U35" r:id="rId12"/>
    <hyperlink ref="U34" r:id="rId13"/>
    <hyperlink ref="U36" r:id="rId14" display="https://www.lib.sagamihara.kanagawa.jp/TOSHOW/asp/index.aspx"/>
    <hyperlink ref="U37" r:id="rId15" display="https://www.lib.sagamihara.kanagawa.jp/TOSHOW/asp/index.aspx"/>
    <hyperlink ref="U38" r:id="rId16"/>
    <hyperlink ref="U43:U50" r:id="rId17" display="https://www.yokosuka-lib.jp/"/>
    <hyperlink ref="U44" r:id="rId18"/>
    <hyperlink ref="U46" r:id="rId19"/>
    <hyperlink ref="U48:U50" r:id="rId20" display="https://www.yokosuka-lib.jp/"/>
    <hyperlink ref="U45" r:id="rId21"/>
    <hyperlink ref="U42" r:id="rId22"/>
    <hyperlink ref="U47" r:id="rId23"/>
    <hyperlink ref="U43" r:id="rId24"/>
    <hyperlink ref="U51" r:id="rId25"/>
    <hyperlink ref="U55" r:id="rId26"/>
    <hyperlink ref="U56:U59" r:id="rId27" display="https://chulib@city.kamakura.kanagawa.jp"/>
    <hyperlink ref="U60" r:id="rId28" display="http://www.lib.city.fujisawa.kanagawa.jp"/>
    <hyperlink ref="U61:U63" r:id="rId29" display="http://www.lib.city.fujisawa.kanagawa.jp"/>
    <hyperlink ref="U64" r:id="rId30"/>
    <hyperlink ref="U65" r:id="rId31" display="http://www.city.odawara.kanagawa.jp/public-i/facilities/library/"/>
    <hyperlink ref="U68" r:id="rId32"/>
    <hyperlink ref="U69" r:id="rId33"/>
    <hyperlink ref="U70" r:id="rId34"/>
    <hyperlink ref="U71" r:id="rId35"/>
    <hyperlink ref="U74" r:id="rId36"/>
    <hyperlink ref="U76" r:id="rId37"/>
    <hyperlink ref="U77" r:id="rId38"/>
    <hyperlink ref="U78" r:id="rId39"/>
    <hyperlink ref="U79" r:id="rId40"/>
    <hyperlink ref="U80" r:id="rId41"/>
    <hyperlink ref="U81" r:id="rId42"/>
    <hyperlink ref="U82" r:id="rId43"/>
    <hyperlink ref="U83" r:id="rId44"/>
    <hyperlink ref="U84" r:id="rId45"/>
    <hyperlink ref="U75" r:id="rId46"/>
    <hyperlink ref="U85" r:id="rId47"/>
    <hyperlink ref="U88" r:id="rId48" display="http://www.lib-isehara.jp/"/>
    <hyperlink ref="U89" r:id="rId49"/>
    <hyperlink ref="U90" r:id="rId50"/>
    <hyperlink ref="U93" r:id="rId51"/>
    <hyperlink ref="U96" r:id="rId52"/>
    <hyperlink ref="U98" r:id="rId53"/>
  </hyperlinks>
  <pageMargins left="0.70866141732283472" right="0.70866141732283472" top="0.55118110236220474" bottom="0.35433070866141736" header="0.31496062992125984" footer="0.31496062992125984"/>
  <pageSetup paperSize="8" scale="27" fitToHeight="0" orientation="landscape" r:id="rId54"/>
  <headerFooter>
    <oddHeader>&amp;C&amp;16図書館等一覧</oddHeader>
  </headerFooter>
  <rowBreaks count="2" manualBreakCount="2">
    <brk id="45" min="3" max="38" man="1"/>
    <brk id="92" min="3" max="3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図書館データ一覧</vt:lpstr>
      <vt:lpstr>図書館データ一覧!Print_Area</vt:lpstr>
      <vt:lpstr>図書館データ一覧!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12T08:19:56Z</cp:lastPrinted>
  <dcterms:created xsi:type="dcterms:W3CDTF">2017-04-19T07:00:10Z</dcterms:created>
  <dcterms:modified xsi:type="dcterms:W3CDTF">2023-05-17T08:36:39Z</dcterms:modified>
</cp:coreProperties>
</file>